
<file path=[Content_Types].xml><?xml version="1.0" encoding="utf-8"?>
<Types xmlns="http://schemas.openxmlformats.org/package/2006/content-types"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notesSlides/notesSlide5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embedTrueTypeFonts="1" saveSubsetFonts="1" autoCompressPictures="0">
  <p:sldMasterIdLst>
    <p:sldMasterId id="2147483675" r:id="rId1"/>
  </p:sldMasterIdLst>
  <p:notesMasterIdLst>
    <p:notesMasterId r:id="rId19"/>
  </p:notesMasterIdLst>
  <p:handoutMasterIdLst>
    <p:handoutMasterId r:id="rId20"/>
  </p:handoutMasterIdLst>
  <p:sldIdLst>
    <p:sldId id="259" r:id="rId2"/>
    <p:sldId id="256" r:id="rId3"/>
    <p:sldId id="315" r:id="rId4"/>
    <p:sldId id="260" r:id="rId5"/>
    <p:sldId id="303" r:id="rId6"/>
    <p:sldId id="304" r:id="rId7"/>
    <p:sldId id="305" r:id="rId8"/>
    <p:sldId id="261" r:id="rId9"/>
    <p:sldId id="308" r:id="rId10"/>
    <p:sldId id="307" r:id="rId11"/>
    <p:sldId id="310" r:id="rId12"/>
    <p:sldId id="312" r:id="rId13"/>
    <p:sldId id="313" r:id="rId14"/>
    <p:sldId id="314" r:id="rId15"/>
    <p:sldId id="309" r:id="rId16"/>
    <p:sldId id="311" r:id="rId17"/>
    <p:sldId id="267" r:id="rId18"/>
  </p:sldIdLst>
  <p:sldSz cx="9144000" cy="5143500" type="screen16x9"/>
  <p:notesSz cx="6858000" cy="9144000"/>
  <p:embeddedFontLst>
    <p:embeddedFont>
      <p:font typeface="Berlin Sans FB Demi" panose="020E0802020502020306" pitchFamily="34" charset="0"/>
      <p:bold r:id="rId21"/>
    </p:embeddedFont>
    <p:embeddedFont>
      <p:font typeface="Calibri" panose="020F0502020204030204" pitchFamily="34" charset="0"/>
      <p:regular r:id="rId22"/>
      <p:bold r:id="rId23"/>
      <p:italic r:id="rId24"/>
      <p:boldItalic r:id="rId25"/>
    </p:embeddedFont>
    <p:embeddedFont>
      <p:font typeface="Nunito Sans SemiBold" panose="020B0604020202020204" charset="0"/>
      <p:regular r:id="rId26"/>
      <p:bold r:id="rId27"/>
      <p:italic r:id="rId28"/>
      <p:boldItalic r:id="rId29"/>
    </p:embeddedFont>
    <p:embeddedFont>
      <p:font typeface="Roboto" panose="020B0604020202020204" charset="0"/>
      <p:regular r:id="rId30"/>
      <p:bold r:id="rId31"/>
      <p:italic r:id="rId32"/>
      <p:boldItalic r:id="rId33"/>
    </p:embeddedFont>
    <p:embeddedFont>
      <p:font typeface="Roboto Light" panose="020B0604020202020204" charset="0"/>
      <p:regular r:id="rId34"/>
      <p:bold r:id="rId35"/>
      <p:italic r:id="rId36"/>
      <p:boldItalic r:id="rId37"/>
    </p:embeddedFont>
    <p:embeddedFont>
      <p:font typeface="Roboto Slab Light" panose="020B0604020202020204" charset="0"/>
      <p:regular r:id="rId38"/>
      <p:bold r:id="rId39"/>
    </p:embeddedFont>
    <p:embeddedFont>
      <p:font typeface="Squada One" panose="020B0604020202020204" charset="0"/>
      <p:regular r:id="rId40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USER" initials="U" lastIdx="2" clrIdx="0">
    <p:extLst>
      <p:ext uri="{19B8F6BF-5375-455C-9EA6-DF929625EA0E}">
        <p15:presenceInfo xmlns:p15="http://schemas.microsoft.com/office/powerpoint/2012/main" userId="USER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83C54"/>
    <a:srgbClr val="040A44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C17A19B-93B6-434F-900D-1A1A453CC761}" v="546" dt="2019-10-15T03:52:38.019"/>
  </p1510:revLst>
</p1510:revInfo>
</file>

<file path=ppt/tableStyles.xml><?xml version="1.0" encoding="utf-8"?>
<a:tblStyleLst xmlns:a="http://schemas.openxmlformats.org/drawingml/2006/main" def="{FCE46E8F-585B-4FCE-849E-08F48F34DE38}">
  <a:tblStyle styleId="{FCE46E8F-585B-4FCE-849E-08F48F34DE38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/>
    </p:cSldViewPr>
  </p:slide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6.fntdata"/><Relationship Id="rId39" Type="http://schemas.openxmlformats.org/officeDocument/2006/relationships/font" Target="fonts/font19.fntdata"/><Relationship Id="rId21" Type="http://schemas.openxmlformats.org/officeDocument/2006/relationships/font" Target="fonts/font1.fntdata"/><Relationship Id="rId34" Type="http://schemas.openxmlformats.org/officeDocument/2006/relationships/font" Target="fonts/font14.fntdata"/><Relationship Id="rId42" Type="http://schemas.openxmlformats.org/officeDocument/2006/relationships/presProps" Target="presProps.xml"/><Relationship Id="rId47" Type="http://schemas.microsoft.com/office/2015/10/relationships/revisionInfo" Target="revisionInfo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9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4.fntdata"/><Relationship Id="rId32" Type="http://schemas.openxmlformats.org/officeDocument/2006/relationships/font" Target="fonts/font12.fntdata"/><Relationship Id="rId37" Type="http://schemas.openxmlformats.org/officeDocument/2006/relationships/font" Target="fonts/font17.fntdata"/><Relationship Id="rId40" Type="http://schemas.openxmlformats.org/officeDocument/2006/relationships/font" Target="fonts/font20.fntdata"/><Relationship Id="rId45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3.fntdata"/><Relationship Id="rId28" Type="http://schemas.openxmlformats.org/officeDocument/2006/relationships/font" Target="fonts/font8.fntdata"/><Relationship Id="rId36" Type="http://schemas.openxmlformats.org/officeDocument/2006/relationships/font" Target="fonts/font16.fntdata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31" Type="http://schemas.openxmlformats.org/officeDocument/2006/relationships/font" Target="fonts/font11.fntdata"/><Relationship Id="rId44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2.fntdata"/><Relationship Id="rId27" Type="http://schemas.openxmlformats.org/officeDocument/2006/relationships/font" Target="fonts/font7.fntdata"/><Relationship Id="rId30" Type="http://schemas.openxmlformats.org/officeDocument/2006/relationships/font" Target="fonts/font10.fntdata"/><Relationship Id="rId35" Type="http://schemas.openxmlformats.org/officeDocument/2006/relationships/font" Target="fonts/font15.fntdata"/><Relationship Id="rId43" Type="http://schemas.openxmlformats.org/officeDocument/2006/relationships/viewProps" Target="viewProp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5.fntdata"/><Relationship Id="rId33" Type="http://schemas.openxmlformats.org/officeDocument/2006/relationships/font" Target="fonts/font13.fntdata"/><Relationship Id="rId38" Type="http://schemas.openxmlformats.org/officeDocument/2006/relationships/font" Target="fonts/font18.fntdata"/><Relationship Id="rId46" Type="http://schemas.microsoft.com/office/2016/11/relationships/changesInfo" Target="changesInfos/changesInfo1.xml"/><Relationship Id="rId20" Type="http://schemas.openxmlformats.org/officeDocument/2006/relationships/handoutMaster" Target="handoutMasters/handoutMaster1.xml"/><Relationship Id="rId41" Type="http://schemas.openxmlformats.org/officeDocument/2006/relationships/commentAuthors" Target="commentAuthor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Farhan Ishmam" userId="c23ccdd4de4f310b" providerId="Windows Live" clId="Web-{2C17A19B-93B6-434F-900D-1A1A453CC761}"/>
    <pc:docChg chg="delSld modSld sldOrd">
      <pc:chgData name="Farhan Ishmam" userId="c23ccdd4de4f310b" providerId="Windows Live" clId="Web-{2C17A19B-93B6-434F-900D-1A1A453CC761}" dt="2019-10-15T03:52:34.847" v="496" actId="20577"/>
      <pc:docMkLst>
        <pc:docMk/>
      </pc:docMkLst>
      <pc:sldChg chg="addSp modSp">
        <pc:chgData name="Farhan Ishmam" userId="c23ccdd4de4f310b" providerId="Windows Live" clId="Web-{2C17A19B-93B6-434F-900D-1A1A453CC761}" dt="2019-10-15T03:17:43.055" v="62" actId="20577"/>
        <pc:sldMkLst>
          <pc:docMk/>
          <pc:sldMk cId="0" sldId="256"/>
        </pc:sldMkLst>
        <pc:spChg chg="add mod">
          <ac:chgData name="Farhan Ishmam" userId="c23ccdd4de4f310b" providerId="Windows Live" clId="Web-{2C17A19B-93B6-434F-900D-1A1A453CC761}" dt="2019-10-15T03:17:43.055" v="62" actId="20577"/>
          <ac:spMkLst>
            <pc:docMk/>
            <pc:sldMk cId="0" sldId="256"/>
            <ac:spMk id="2" creationId="{F08C65AE-957E-4432-A32C-43BAEA67D3BA}"/>
          </ac:spMkLst>
        </pc:spChg>
      </pc:sldChg>
      <pc:sldChg chg="addSp delSp modSp">
        <pc:chgData name="Farhan Ishmam" userId="c23ccdd4de4f310b" providerId="Windows Live" clId="Web-{2C17A19B-93B6-434F-900D-1A1A453CC761}" dt="2019-10-15T03:16:53.024" v="40" actId="1076"/>
        <pc:sldMkLst>
          <pc:docMk/>
          <pc:sldMk cId="0" sldId="259"/>
        </pc:sldMkLst>
        <pc:spChg chg="add del mod">
          <ac:chgData name="Farhan Ishmam" userId="c23ccdd4de4f310b" providerId="Windows Live" clId="Web-{2C17A19B-93B6-434F-900D-1A1A453CC761}" dt="2019-10-15T03:15:41.524" v="14"/>
          <ac:spMkLst>
            <pc:docMk/>
            <pc:sldMk cId="0" sldId="259"/>
            <ac:spMk id="3" creationId="{AE2A17F1-EB01-4D71-86FC-F0D8FF6283E2}"/>
          </ac:spMkLst>
        </pc:spChg>
        <pc:spChg chg="add del mod">
          <ac:chgData name="Farhan Ishmam" userId="c23ccdd4de4f310b" providerId="Windows Live" clId="Web-{2C17A19B-93B6-434F-900D-1A1A453CC761}" dt="2019-10-15T03:15:39.477" v="13"/>
          <ac:spMkLst>
            <pc:docMk/>
            <pc:sldMk cId="0" sldId="259"/>
            <ac:spMk id="4" creationId="{94488170-8519-43A4-B661-D26EB0CE703D}"/>
          </ac:spMkLst>
        </pc:spChg>
        <pc:spChg chg="add del mod">
          <ac:chgData name="Farhan Ishmam" userId="c23ccdd4de4f310b" providerId="Windows Live" clId="Web-{2C17A19B-93B6-434F-900D-1A1A453CC761}" dt="2019-10-15T03:15:34.149" v="10"/>
          <ac:spMkLst>
            <pc:docMk/>
            <pc:sldMk cId="0" sldId="259"/>
            <ac:spMk id="5" creationId="{8F97ABC4-9B4E-4B66-9E79-D4B51FC29F7A}"/>
          </ac:spMkLst>
        </pc:spChg>
        <pc:spChg chg="add del mod">
          <ac:chgData name="Farhan Ishmam" userId="c23ccdd4de4f310b" providerId="Windows Live" clId="Web-{2C17A19B-93B6-434F-900D-1A1A453CC761}" dt="2019-10-15T03:15:52.524" v="19"/>
          <ac:spMkLst>
            <pc:docMk/>
            <pc:sldMk cId="0" sldId="259"/>
            <ac:spMk id="6" creationId="{0FD219AD-BC59-4336-8F82-CEE13D923903}"/>
          </ac:spMkLst>
        </pc:spChg>
        <pc:spChg chg="add mod">
          <ac:chgData name="Farhan Ishmam" userId="c23ccdd4de4f310b" providerId="Windows Live" clId="Web-{2C17A19B-93B6-434F-900D-1A1A453CC761}" dt="2019-10-15T03:16:53.024" v="40" actId="1076"/>
          <ac:spMkLst>
            <pc:docMk/>
            <pc:sldMk cId="0" sldId="259"/>
            <ac:spMk id="7" creationId="{3BDF7F7A-1140-4519-ADC8-93E7DC62EA4B}"/>
          </ac:spMkLst>
        </pc:spChg>
      </pc:sldChg>
      <pc:sldChg chg="addSp modSp">
        <pc:chgData name="Farhan Ishmam" userId="c23ccdd4de4f310b" providerId="Windows Live" clId="Web-{2C17A19B-93B6-434F-900D-1A1A453CC761}" dt="2019-10-15T03:17:53.196" v="69" actId="20577"/>
        <pc:sldMkLst>
          <pc:docMk/>
          <pc:sldMk cId="0" sldId="260"/>
        </pc:sldMkLst>
        <pc:spChg chg="add mod">
          <ac:chgData name="Farhan Ishmam" userId="c23ccdd4de4f310b" providerId="Windows Live" clId="Web-{2C17A19B-93B6-434F-900D-1A1A453CC761}" dt="2019-10-15T03:17:53.196" v="69" actId="20577"/>
          <ac:spMkLst>
            <pc:docMk/>
            <pc:sldMk cId="0" sldId="260"/>
            <ac:spMk id="2" creationId="{0FB6E253-C062-4982-98CE-EF89CD8BFD9D}"/>
          </ac:spMkLst>
        </pc:spChg>
      </pc:sldChg>
      <pc:sldChg chg="addSp modSp">
        <pc:chgData name="Farhan Ishmam" userId="c23ccdd4de4f310b" providerId="Windows Live" clId="Web-{2C17A19B-93B6-434F-900D-1A1A453CC761}" dt="2019-10-15T03:34:29.766" v="346" actId="20577"/>
        <pc:sldMkLst>
          <pc:docMk/>
          <pc:sldMk cId="0" sldId="261"/>
        </pc:sldMkLst>
        <pc:spChg chg="add mod">
          <ac:chgData name="Farhan Ishmam" userId="c23ccdd4de4f310b" providerId="Windows Live" clId="Web-{2C17A19B-93B6-434F-900D-1A1A453CC761}" dt="2019-10-15T03:34:29.766" v="346" actId="20577"/>
          <ac:spMkLst>
            <pc:docMk/>
            <pc:sldMk cId="0" sldId="261"/>
            <ac:spMk id="2" creationId="{7023E6C2-70A2-43AB-83EE-50F567886FFD}"/>
          </ac:spMkLst>
        </pc:spChg>
      </pc:sldChg>
      <pc:sldChg chg="addSp modSp">
        <pc:chgData name="Farhan Ishmam" userId="c23ccdd4de4f310b" providerId="Windows Live" clId="Web-{2C17A19B-93B6-434F-900D-1A1A453CC761}" dt="2019-10-15T03:35:52.532" v="397" actId="20577"/>
        <pc:sldMkLst>
          <pc:docMk/>
          <pc:sldMk cId="0" sldId="267"/>
        </pc:sldMkLst>
        <pc:spChg chg="add mod">
          <ac:chgData name="Farhan Ishmam" userId="c23ccdd4de4f310b" providerId="Windows Live" clId="Web-{2C17A19B-93B6-434F-900D-1A1A453CC761}" dt="2019-10-15T03:35:52.532" v="397" actId="20577"/>
          <ac:spMkLst>
            <pc:docMk/>
            <pc:sldMk cId="0" sldId="267"/>
            <ac:spMk id="2" creationId="{2288A097-ECF0-43BF-8ECF-617CE37153B4}"/>
          </ac:spMkLst>
        </pc:spChg>
      </pc:sldChg>
      <pc:sldChg chg="addSp delSp modSp">
        <pc:chgData name="Farhan Ishmam" userId="c23ccdd4de4f310b" providerId="Windows Live" clId="Web-{2C17A19B-93B6-434F-900D-1A1A453CC761}" dt="2019-10-15T03:28:14.985" v="223" actId="20577"/>
        <pc:sldMkLst>
          <pc:docMk/>
          <pc:sldMk cId="2877609478" sldId="303"/>
        </pc:sldMkLst>
        <pc:spChg chg="add del">
          <ac:chgData name="Farhan Ishmam" userId="c23ccdd4de4f310b" providerId="Windows Live" clId="Web-{2C17A19B-93B6-434F-900D-1A1A453CC761}" dt="2019-10-15T03:17:58.977" v="72"/>
          <ac:spMkLst>
            <pc:docMk/>
            <pc:sldMk cId="2877609478" sldId="303"/>
            <ac:spMk id="2" creationId="{458CFCD2-012D-42C1-A4F2-D9268A13591B}"/>
          </ac:spMkLst>
        </pc:spChg>
        <pc:spChg chg="add mod">
          <ac:chgData name="Farhan Ishmam" userId="c23ccdd4de4f310b" providerId="Windows Live" clId="Web-{2C17A19B-93B6-434F-900D-1A1A453CC761}" dt="2019-10-15T03:18:11.649" v="78" actId="20577"/>
          <ac:spMkLst>
            <pc:docMk/>
            <pc:sldMk cId="2877609478" sldId="303"/>
            <ac:spMk id="3" creationId="{5DAEE59C-F32A-4DEE-8BF1-60028C1678DA}"/>
          </ac:spMkLst>
        </pc:spChg>
        <pc:spChg chg="mod">
          <ac:chgData name="Farhan Ishmam" userId="c23ccdd4de4f310b" providerId="Windows Live" clId="Web-{2C17A19B-93B6-434F-900D-1A1A453CC761}" dt="2019-10-15T03:28:14.985" v="223" actId="20577"/>
          <ac:spMkLst>
            <pc:docMk/>
            <pc:sldMk cId="2877609478" sldId="303"/>
            <ac:spMk id="10" creationId="{00000000-0000-0000-0000-000000000000}"/>
          </ac:spMkLst>
        </pc:spChg>
      </pc:sldChg>
      <pc:sldChg chg="addSp modSp">
        <pc:chgData name="Farhan Ishmam" userId="c23ccdd4de4f310b" providerId="Windows Live" clId="Web-{2C17A19B-93B6-434F-900D-1A1A453CC761}" dt="2019-10-15T03:18:20.493" v="83" actId="20577"/>
        <pc:sldMkLst>
          <pc:docMk/>
          <pc:sldMk cId="1547042380" sldId="304"/>
        </pc:sldMkLst>
        <pc:spChg chg="add mod">
          <ac:chgData name="Farhan Ishmam" userId="c23ccdd4de4f310b" providerId="Windows Live" clId="Web-{2C17A19B-93B6-434F-900D-1A1A453CC761}" dt="2019-10-15T03:18:20.493" v="83" actId="20577"/>
          <ac:spMkLst>
            <pc:docMk/>
            <pc:sldMk cId="1547042380" sldId="304"/>
            <ac:spMk id="5" creationId="{542FF8BE-236C-4861-ACEC-3FA90912F2E6}"/>
          </ac:spMkLst>
        </pc:spChg>
      </pc:sldChg>
      <pc:sldChg chg="addSp modSp ord">
        <pc:chgData name="Farhan Ishmam" userId="c23ccdd4de4f310b" providerId="Windows Live" clId="Web-{2C17A19B-93B6-434F-900D-1A1A453CC761}" dt="2019-10-15T03:34:24.329" v="342" actId="20577"/>
        <pc:sldMkLst>
          <pc:docMk/>
          <pc:sldMk cId="1562685363" sldId="305"/>
        </pc:sldMkLst>
        <pc:spChg chg="add mod">
          <ac:chgData name="Farhan Ishmam" userId="c23ccdd4de4f310b" providerId="Windows Live" clId="Web-{2C17A19B-93B6-434F-900D-1A1A453CC761}" dt="2019-10-15T03:34:24.329" v="342" actId="20577"/>
          <ac:spMkLst>
            <pc:docMk/>
            <pc:sldMk cId="1562685363" sldId="305"/>
            <ac:spMk id="4" creationId="{090B1E54-B418-48E4-9EE5-E34659F3DEE9}"/>
          </ac:spMkLst>
        </pc:spChg>
      </pc:sldChg>
      <pc:sldChg chg="addSp delSp modSp del">
        <pc:chgData name="Farhan Ishmam" userId="c23ccdd4de4f310b" providerId="Windows Live" clId="Web-{2C17A19B-93B6-434F-900D-1A1A453CC761}" dt="2019-10-15T03:34:39.158" v="352"/>
        <pc:sldMkLst>
          <pc:docMk/>
          <pc:sldMk cId="2056742732" sldId="306"/>
        </pc:sldMkLst>
        <pc:spChg chg="add del mod">
          <ac:chgData name="Farhan Ishmam" userId="c23ccdd4de4f310b" providerId="Windows Live" clId="Web-{2C17A19B-93B6-434F-900D-1A1A453CC761}" dt="2019-10-15T03:33:47.579" v="336" actId="20577"/>
          <ac:spMkLst>
            <pc:docMk/>
            <pc:sldMk cId="2056742732" sldId="306"/>
            <ac:spMk id="2" creationId="{00000000-0000-0000-0000-000000000000}"/>
          </ac:spMkLst>
        </pc:spChg>
        <pc:spChg chg="add mod">
          <ac:chgData name="Farhan Ishmam" userId="c23ccdd4de4f310b" providerId="Windows Live" clId="Web-{2C17A19B-93B6-434F-900D-1A1A453CC761}" dt="2019-10-15T03:27:17.969" v="220" actId="1076"/>
          <ac:spMkLst>
            <pc:docMk/>
            <pc:sldMk cId="2056742732" sldId="306"/>
            <ac:spMk id="4" creationId="{7F320561-F6F1-4A9F-B63C-95656905766E}"/>
          </ac:spMkLst>
        </pc:spChg>
      </pc:sldChg>
      <pc:sldChg chg="addSp delSp modSp">
        <pc:chgData name="Farhan Ishmam" userId="c23ccdd4de4f310b" providerId="Windows Live" clId="Web-{2C17A19B-93B6-434F-900D-1A1A453CC761}" dt="2019-10-15T03:41:25.799" v="415" actId="20577"/>
        <pc:sldMkLst>
          <pc:docMk/>
          <pc:sldMk cId="1997159154" sldId="307"/>
        </pc:sldMkLst>
        <pc:spChg chg="add del mod">
          <ac:chgData name="Farhan Ishmam" userId="c23ccdd4de4f310b" providerId="Windows Live" clId="Web-{2C17A19B-93B6-434F-900D-1A1A453CC761}" dt="2019-10-15T03:20:26.228" v="135"/>
          <ac:spMkLst>
            <pc:docMk/>
            <pc:sldMk cId="1997159154" sldId="307"/>
            <ac:spMk id="2" creationId="{A17FB6D9-A2F7-4F8E-A49F-6E64A107A64D}"/>
          </ac:spMkLst>
        </pc:spChg>
        <pc:spChg chg="mod">
          <ac:chgData name="Farhan Ishmam" userId="c23ccdd4de4f310b" providerId="Windows Live" clId="Web-{2C17A19B-93B6-434F-900D-1A1A453CC761}" dt="2019-10-15T03:41:25.799" v="415" actId="20577"/>
          <ac:spMkLst>
            <pc:docMk/>
            <pc:sldMk cId="1997159154" sldId="307"/>
            <ac:spMk id="4" creationId="{00000000-0000-0000-0000-000000000000}"/>
          </ac:spMkLst>
        </pc:spChg>
        <pc:spChg chg="add del">
          <ac:chgData name="Farhan Ishmam" userId="c23ccdd4de4f310b" providerId="Windows Live" clId="Web-{2C17A19B-93B6-434F-900D-1A1A453CC761}" dt="2019-10-15T03:20:26.228" v="134"/>
          <ac:spMkLst>
            <pc:docMk/>
            <pc:sldMk cId="1997159154" sldId="307"/>
            <ac:spMk id="5" creationId="{22B5347B-1E23-4FD2-8282-75394D7F9A89}"/>
          </ac:spMkLst>
        </pc:spChg>
        <pc:spChg chg="add mod">
          <ac:chgData name="Farhan Ishmam" userId="c23ccdd4de4f310b" providerId="Windows Live" clId="Web-{2C17A19B-93B6-434F-900D-1A1A453CC761}" dt="2019-10-15T03:34:45.688" v="357" actId="20577"/>
          <ac:spMkLst>
            <pc:docMk/>
            <pc:sldMk cId="1997159154" sldId="307"/>
            <ac:spMk id="9" creationId="{BAB40E21-2E81-4BDF-9E32-13DF03A20F24}"/>
          </ac:spMkLst>
        </pc:spChg>
      </pc:sldChg>
      <pc:sldChg chg="addSp delSp modSp">
        <pc:chgData name="Farhan Ishmam" userId="c23ccdd4de4f310b" providerId="Windows Live" clId="Web-{2C17A19B-93B6-434F-900D-1A1A453CC761}" dt="2019-10-15T03:34:34.766" v="349" actId="20577"/>
        <pc:sldMkLst>
          <pc:docMk/>
          <pc:sldMk cId="1776896515" sldId="308"/>
        </pc:sldMkLst>
        <pc:spChg chg="add del">
          <ac:chgData name="Farhan Ishmam" userId="c23ccdd4de4f310b" providerId="Windows Live" clId="Web-{2C17A19B-93B6-434F-900D-1A1A453CC761}" dt="2019-10-15T03:19:03.243" v="94"/>
          <ac:spMkLst>
            <pc:docMk/>
            <pc:sldMk cId="1776896515" sldId="308"/>
            <ac:spMk id="18" creationId="{BBC46DC7-8F78-4D7F-ABAF-084DC3DDCD06}"/>
          </ac:spMkLst>
        </pc:spChg>
        <pc:spChg chg="add mod">
          <ac:chgData name="Farhan Ishmam" userId="c23ccdd4de4f310b" providerId="Windows Live" clId="Web-{2C17A19B-93B6-434F-900D-1A1A453CC761}" dt="2019-10-15T03:34:34.766" v="349" actId="20577"/>
          <ac:spMkLst>
            <pc:docMk/>
            <pc:sldMk cId="1776896515" sldId="308"/>
            <ac:spMk id="20" creationId="{B7D9AE5E-38F3-4F6B-9774-E26404DD755D}"/>
          </ac:spMkLst>
        </pc:spChg>
      </pc:sldChg>
      <pc:sldChg chg="addSp modSp">
        <pc:chgData name="Farhan Ishmam" userId="c23ccdd4de4f310b" providerId="Windows Live" clId="Web-{2C17A19B-93B6-434F-900D-1A1A453CC761}" dt="2019-10-15T03:51:55.753" v="486" actId="20577"/>
        <pc:sldMkLst>
          <pc:docMk/>
          <pc:sldMk cId="1397696229" sldId="309"/>
        </pc:sldMkLst>
        <pc:spChg chg="mod">
          <ac:chgData name="Farhan Ishmam" userId="c23ccdd4de4f310b" providerId="Windows Live" clId="Web-{2C17A19B-93B6-434F-900D-1A1A453CC761}" dt="2019-10-15T03:45:18.065" v="481" actId="14100"/>
          <ac:spMkLst>
            <pc:docMk/>
            <pc:sldMk cId="1397696229" sldId="309"/>
            <ac:spMk id="30" creationId="{00000000-0000-0000-0000-000000000000}"/>
          </ac:spMkLst>
        </pc:spChg>
        <pc:spChg chg="mod">
          <ac:chgData name="Farhan Ishmam" userId="c23ccdd4de4f310b" providerId="Windows Live" clId="Web-{2C17A19B-93B6-434F-900D-1A1A453CC761}" dt="2019-10-15T03:44:31.205" v="470" actId="1076"/>
          <ac:spMkLst>
            <pc:docMk/>
            <pc:sldMk cId="1397696229" sldId="309"/>
            <ac:spMk id="36" creationId="{00000000-0000-0000-0000-000000000000}"/>
          </ac:spMkLst>
        </pc:spChg>
        <pc:spChg chg="mod">
          <ac:chgData name="Farhan Ishmam" userId="c23ccdd4de4f310b" providerId="Windows Live" clId="Web-{2C17A19B-93B6-434F-900D-1A1A453CC761}" dt="2019-10-15T03:45:14.799" v="480" actId="14100"/>
          <ac:spMkLst>
            <pc:docMk/>
            <pc:sldMk cId="1397696229" sldId="309"/>
            <ac:spMk id="38" creationId="{00000000-0000-0000-0000-000000000000}"/>
          </ac:spMkLst>
        </pc:spChg>
        <pc:spChg chg="mod">
          <ac:chgData name="Farhan Ishmam" userId="c23ccdd4de4f310b" providerId="Windows Live" clId="Web-{2C17A19B-93B6-434F-900D-1A1A453CC761}" dt="2019-10-15T03:44:55.487" v="477" actId="1076"/>
          <ac:spMkLst>
            <pc:docMk/>
            <pc:sldMk cId="1397696229" sldId="309"/>
            <ac:spMk id="44" creationId="{00000000-0000-0000-0000-000000000000}"/>
          </ac:spMkLst>
        </pc:spChg>
        <pc:spChg chg="mod">
          <ac:chgData name="Farhan Ishmam" userId="c23ccdd4de4f310b" providerId="Windows Live" clId="Web-{2C17A19B-93B6-434F-900D-1A1A453CC761}" dt="2019-10-15T03:45:08.940" v="479" actId="14100"/>
          <ac:spMkLst>
            <pc:docMk/>
            <pc:sldMk cId="1397696229" sldId="309"/>
            <ac:spMk id="46" creationId="{00000000-0000-0000-0000-000000000000}"/>
          </ac:spMkLst>
        </pc:spChg>
        <pc:spChg chg="mod">
          <ac:chgData name="Farhan Ishmam" userId="c23ccdd4de4f310b" providerId="Windows Live" clId="Web-{2C17A19B-93B6-434F-900D-1A1A453CC761}" dt="2019-10-15T03:43:58.174" v="466" actId="14100"/>
          <ac:spMkLst>
            <pc:docMk/>
            <pc:sldMk cId="1397696229" sldId="309"/>
            <ac:spMk id="52" creationId="{00000000-0000-0000-0000-000000000000}"/>
          </ac:spMkLst>
        </pc:spChg>
        <pc:spChg chg="mod">
          <ac:chgData name="Farhan Ishmam" userId="c23ccdd4de4f310b" providerId="Windows Live" clId="Web-{2C17A19B-93B6-434F-900D-1A1A453CC761}" dt="2019-10-15T03:45:27.706" v="483" actId="14100"/>
          <ac:spMkLst>
            <pc:docMk/>
            <pc:sldMk cId="1397696229" sldId="309"/>
            <ac:spMk id="62" creationId="{00000000-0000-0000-0000-000000000000}"/>
          </ac:spMkLst>
        </pc:spChg>
        <pc:spChg chg="mod">
          <ac:chgData name="Farhan Ishmam" userId="c23ccdd4de4f310b" providerId="Windows Live" clId="Web-{2C17A19B-93B6-434F-900D-1A1A453CC761}" dt="2019-10-15T03:51:55.753" v="486" actId="20577"/>
          <ac:spMkLst>
            <pc:docMk/>
            <pc:sldMk cId="1397696229" sldId="309"/>
            <ac:spMk id="68" creationId="{00000000-0000-0000-0000-000000000000}"/>
          </ac:spMkLst>
        </pc:spChg>
        <pc:spChg chg="add mod">
          <ac:chgData name="Farhan Ishmam" userId="c23ccdd4de4f310b" providerId="Windows Live" clId="Web-{2C17A19B-93B6-434F-900D-1A1A453CC761}" dt="2019-10-15T03:25:24.484" v="198" actId="20577"/>
          <ac:spMkLst>
            <pc:docMk/>
            <pc:sldMk cId="1397696229" sldId="309"/>
            <ac:spMk id="70" creationId="{2A6E1D57-7924-4E87-9890-5F380AA61A8F}"/>
          </ac:spMkLst>
        </pc:spChg>
        <pc:spChg chg="add">
          <ac:chgData name="Farhan Ishmam" userId="c23ccdd4de4f310b" providerId="Windows Live" clId="Web-{2C17A19B-93B6-434F-900D-1A1A453CC761}" dt="2019-10-15T03:17:30.618" v="55"/>
          <ac:spMkLst>
            <pc:docMk/>
            <pc:sldMk cId="1397696229" sldId="309"/>
            <ac:spMk id="71" creationId="{17339EBA-6C69-48DF-B9A6-2E0F989DF9EF}"/>
          </ac:spMkLst>
        </pc:spChg>
        <pc:spChg chg="add mod">
          <ac:chgData name="Farhan Ishmam" userId="c23ccdd4de4f310b" providerId="Windows Live" clId="Web-{2C17A19B-93B6-434F-900D-1A1A453CC761}" dt="2019-10-15T03:35:42.439" v="389" actId="20577"/>
          <ac:spMkLst>
            <pc:docMk/>
            <pc:sldMk cId="1397696229" sldId="309"/>
            <ac:spMk id="72" creationId="{82900EF7-8031-452E-BED8-0CD645DA5A14}"/>
          </ac:spMkLst>
        </pc:spChg>
      </pc:sldChg>
      <pc:sldChg chg="addSp delSp modSp">
        <pc:chgData name="Farhan Ishmam" userId="c23ccdd4de4f310b" providerId="Windows Live" clId="Web-{2C17A19B-93B6-434F-900D-1A1A453CC761}" dt="2019-10-15T03:34:48.954" v="359" actId="20577"/>
        <pc:sldMkLst>
          <pc:docMk/>
          <pc:sldMk cId="2118129864" sldId="310"/>
        </pc:sldMkLst>
        <pc:spChg chg="add del">
          <ac:chgData name="Farhan Ishmam" userId="c23ccdd4de4f310b" providerId="Windows Live" clId="Web-{2C17A19B-93B6-434F-900D-1A1A453CC761}" dt="2019-10-15T03:20:55.806" v="143"/>
          <ac:spMkLst>
            <pc:docMk/>
            <pc:sldMk cId="2118129864" sldId="310"/>
            <ac:spMk id="2" creationId="{FD038880-3984-4710-9780-32C6DFCB282E}"/>
          </ac:spMkLst>
        </pc:spChg>
        <pc:spChg chg="add mod">
          <ac:chgData name="Farhan Ishmam" userId="c23ccdd4de4f310b" providerId="Windows Live" clId="Web-{2C17A19B-93B6-434F-900D-1A1A453CC761}" dt="2019-10-15T03:34:48.954" v="359" actId="20577"/>
          <ac:spMkLst>
            <pc:docMk/>
            <pc:sldMk cId="2118129864" sldId="310"/>
            <ac:spMk id="4" creationId="{A4DCC865-8F57-4F93-99D9-977A591F8F71}"/>
          </ac:spMkLst>
        </pc:spChg>
      </pc:sldChg>
      <pc:sldChg chg="addSp modSp">
        <pc:chgData name="Farhan Ishmam" userId="c23ccdd4de4f310b" providerId="Windows Live" clId="Web-{2C17A19B-93B6-434F-900D-1A1A453CC761}" dt="2019-10-15T03:52:34.847" v="496" actId="20577"/>
        <pc:sldMkLst>
          <pc:docMk/>
          <pc:sldMk cId="2339138585" sldId="311"/>
        </pc:sldMkLst>
        <pc:spChg chg="mod">
          <ac:chgData name="Farhan Ishmam" userId="c23ccdd4de4f310b" providerId="Windows Live" clId="Web-{2C17A19B-93B6-434F-900D-1A1A453CC761}" dt="2019-10-15T03:52:34.847" v="496" actId="20577"/>
          <ac:spMkLst>
            <pc:docMk/>
            <pc:sldMk cId="2339138585" sldId="311"/>
            <ac:spMk id="2" creationId="{00000000-0000-0000-0000-000000000000}"/>
          </ac:spMkLst>
        </pc:spChg>
        <pc:spChg chg="add mod">
          <ac:chgData name="Farhan Ishmam" userId="c23ccdd4de4f310b" providerId="Windows Live" clId="Web-{2C17A19B-93B6-434F-900D-1A1A453CC761}" dt="2019-10-15T03:35:47.579" v="392" actId="20577"/>
          <ac:spMkLst>
            <pc:docMk/>
            <pc:sldMk cId="2339138585" sldId="311"/>
            <ac:spMk id="3" creationId="{699A02A4-CD7A-458C-9AF7-2B15232B3DED}"/>
          </ac:spMkLst>
        </pc:spChg>
      </pc:sldChg>
      <pc:sldChg chg="addSp delSp modSp">
        <pc:chgData name="Farhan Ishmam" userId="c23ccdd4de4f310b" providerId="Windows Live" clId="Web-{2C17A19B-93B6-434F-900D-1A1A453CC761}" dt="2019-10-15T03:35:25.423" v="376" actId="20577"/>
        <pc:sldMkLst>
          <pc:docMk/>
          <pc:sldMk cId="3440540533" sldId="312"/>
        </pc:sldMkLst>
        <pc:spChg chg="add del">
          <ac:chgData name="Farhan Ishmam" userId="c23ccdd4de4f310b" providerId="Windows Live" clId="Web-{2C17A19B-93B6-434F-900D-1A1A453CC761}" dt="2019-10-15T03:21:17.135" v="148"/>
          <ac:spMkLst>
            <pc:docMk/>
            <pc:sldMk cId="3440540533" sldId="312"/>
            <ac:spMk id="2" creationId="{ED203316-784F-40CE-B4EE-35682F74CCE8}"/>
          </ac:spMkLst>
        </pc:spChg>
        <pc:spChg chg="add mod">
          <ac:chgData name="Farhan Ishmam" userId="c23ccdd4de4f310b" providerId="Windows Live" clId="Web-{2C17A19B-93B6-434F-900D-1A1A453CC761}" dt="2019-10-15T03:35:25.423" v="376" actId="20577"/>
          <ac:spMkLst>
            <pc:docMk/>
            <pc:sldMk cId="3440540533" sldId="312"/>
            <ac:spMk id="4" creationId="{6F5BCDCF-1DE3-450B-9FA4-039D1A094F70}"/>
          </ac:spMkLst>
        </pc:spChg>
      </pc:sldChg>
      <pc:sldChg chg="addSp delSp modSp">
        <pc:chgData name="Farhan Ishmam" userId="c23ccdd4de4f310b" providerId="Windows Live" clId="Web-{2C17A19B-93B6-434F-900D-1A1A453CC761}" dt="2019-10-15T03:35:30.470" v="381" actId="20577"/>
        <pc:sldMkLst>
          <pc:docMk/>
          <pc:sldMk cId="2283376676" sldId="313"/>
        </pc:sldMkLst>
        <pc:spChg chg="add mod">
          <ac:chgData name="Farhan Ishmam" userId="c23ccdd4de4f310b" providerId="Windows Live" clId="Web-{2C17A19B-93B6-434F-900D-1A1A453CC761}" dt="2019-10-15T03:23:26.781" v="179" actId="1076"/>
          <ac:spMkLst>
            <pc:docMk/>
            <pc:sldMk cId="2283376676" sldId="313"/>
            <ac:spMk id="79" creationId="{4D901B71-9F13-4CBB-8AA4-50439A5174B8}"/>
          </ac:spMkLst>
        </pc:spChg>
        <pc:spChg chg="add del">
          <ac:chgData name="Farhan Ishmam" userId="c23ccdd4de4f310b" providerId="Windows Live" clId="Web-{2C17A19B-93B6-434F-900D-1A1A453CC761}" dt="2019-10-15T03:21:36.806" v="153"/>
          <ac:spMkLst>
            <pc:docMk/>
            <pc:sldMk cId="2283376676" sldId="313"/>
            <ac:spMk id="80" creationId="{45718D06-6630-41CE-B9C6-5BF51200E0AD}"/>
          </ac:spMkLst>
        </pc:spChg>
        <pc:spChg chg="add del mod">
          <ac:chgData name="Farhan Ishmam" userId="c23ccdd4de4f310b" providerId="Windows Live" clId="Web-{2C17A19B-93B6-434F-900D-1A1A453CC761}" dt="2019-10-15T03:22:56.734" v="171"/>
          <ac:spMkLst>
            <pc:docMk/>
            <pc:sldMk cId="2283376676" sldId="313"/>
            <ac:spMk id="80" creationId="{B75A6DDE-FE35-44C5-9D0B-1DBC52D1370B}"/>
          </ac:spMkLst>
        </pc:spChg>
        <pc:spChg chg="add mod">
          <ac:chgData name="Farhan Ishmam" userId="c23ccdd4de4f310b" providerId="Windows Live" clId="Web-{2C17A19B-93B6-434F-900D-1A1A453CC761}" dt="2019-10-15T03:35:30.470" v="381" actId="20577"/>
          <ac:spMkLst>
            <pc:docMk/>
            <pc:sldMk cId="2283376676" sldId="313"/>
            <ac:spMk id="81" creationId="{5CCD9741-6AF9-4CB0-85FC-C7CE833DD003}"/>
          </ac:spMkLst>
        </pc:spChg>
        <pc:spChg chg="add mod">
          <ac:chgData name="Farhan Ishmam" userId="c23ccdd4de4f310b" providerId="Windows Live" clId="Web-{2C17A19B-93B6-434F-900D-1A1A453CC761}" dt="2019-10-15T03:22:01.858" v="155" actId="20577"/>
          <ac:spMkLst>
            <pc:docMk/>
            <pc:sldMk cId="2283376676" sldId="313"/>
            <ac:spMk id="82" creationId="{EB08AFCA-505E-42E9-8BED-589CEAA3374C}"/>
          </ac:spMkLst>
        </pc:spChg>
        <pc:spChg chg="add mod">
          <ac:chgData name="Farhan Ishmam" userId="c23ccdd4de4f310b" providerId="Windows Live" clId="Web-{2C17A19B-93B6-434F-900D-1A1A453CC761}" dt="2019-10-15T03:23:55.593" v="185" actId="20577"/>
          <ac:spMkLst>
            <pc:docMk/>
            <pc:sldMk cId="2283376676" sldId="313"/>
            <ac:spMk id="83" creationId="{7BA1E58D-2820-42AF-931C-D8B15266AEEF}"/>
          </ac:spMkLst>
        </pc:spChg>
      </pc:sldChg>
      <pc:sldChg chg="addSp modSp">
        <pc:chgData name="Farhan Ishmam" userId="c23ccdd4de4f310b" providerId="Windows Live" clId="Web-{2C17A19B-93B6-434F-900D-1A1A453CC761}" dt="2019-10-15T03:35:37.360" v="386" actId="20577"/>
        <pc:sldMkLst>
          <pc:docMk/>
          <pc:sldMk cId="2041160354" sldId="314"/>
        </pc:sldMkLst>
        <pc:spChg chg="add mod">
          <ac:chgData name="Farhan Ishmam" userId="c23ccdd4de4f310b" providerId="Windows Live" clId="Web-{2C17A19B-93B6-434F-900D-1A1A453CC761}" dt="2019-10-15T03:35:37.360" v="386" actId="20577"/>
          <ac:spMkLst>
            <pc:docMk/>
            <pc:sldMk cId="2041160354" sldId="314"/>
            <ac:spMk id="4" creationId="{2CF1E2B5-D247-4541-980F-EFB109273B83}"/>
          </ac:spMkLst>
        </pc:spChg>
      </pc:sldChg>
      <pc:sldChg chg="addSp modSp modTransition">
        <pc:chgData name="Farhan Ishmam" userId="c23ccdd4de4f310b" providerId="Windows Live" clId="Web-{2C17A19B-93B6-434F-900D-1A1A453CC761}" dt="2019-10-15T03:18:36.290" v="93"/>
        <pc:sldMkLst>
          <pc:docMk/>
          <pc:sldMk cId="3101511938" sldId="315"/>
        </pc:sldMkLst>
        <pc:spChg chg="add mod">
          <ac:chgData name="Farhan Ishmam" userId="c23ccdd4de4f310b" providerId="Windows Live" clId="Web-{2C17A19B-93B6-434F-900D-1A1A453CC761}" dt="2019-10-15T03:17:44.930" v="66" actId="20577"/>
          <ac:spMkLst>
            <pc:docMk/>
            <pc:sldMk cId="3101511938" sldId="315"/>
            <ac:spMk id="2" creationId="{A82451E6-D521-4D82-82A7-431BE33FF037}"/>
          </ac:spMkLst>
        </pc:spChg>
      </pc:sldChg>
    </pc:docChg>
  </pc:docChgLst>
</pc:chgInfo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1D52035-CCD8-41F6-8D7B-0AD0C1AEE5D2}" type="doc">
      <dgm:prSet loTypeId="urn:microsoft.com/office/officeart/2011/layout/HexagonRadial" loCatId="cycle" qsTypeId="urn:microsoft.com/office/officeart/2005/8/quickstyle/3d3" qsCatId="3D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7BF1EFF-3692-4236-B760-80244FB0CAAC}">
      <dgm:prSet phldrT="[Text]" custT="1"/>
      <dgm:spPr>
        <a:solidFill>
          <a:srgbClr val="083C54"/>
        </a:solidFill>
      </dgm:spPr>
      <dgm:t>
        <a:bodyPr/>
        <a:lstStyle/>
        <a:p>
          <a:r>
            <a:rPr lang="en-US" sz="1600">
              <a:latin typeface="Squada One" panose="020B0604020202020204" charset="0"/>
            </a:rPr>
            <a:t>Housing Price Predictor</a:t>
          </a:r>
        </a:p>
      </dgm:t>
    </dgm:pt>
    <dgm:pt modelId="{6099C9E6-474B-4146-A426-479A84B4675F}" type="parTrans" cxnId="{8913C219-ADC4-4524-9EC9-AF74315CF223}">
      <dgm:prSet/>
      <dgm:spPr/>
      <dgm:t>
        <a:bodyPr/>
        <a:lstStyle/>
        <a:p>
          <a:endParaRPr lang="en-US"/>
        </a:p>
      </dgm:t>
    </dgm:pt>
    <dgm:pt modelId="{CE7F288D-71ED-43B5-97C1-FF499E617141}" type="sibTrans" cxnId="{8913C219-ADC4-4524-9EC9-AF74315CF223}">
      <dgm:prSet/>
      <dgm:spPr/>
      <dgm:t>
        <a:bodyPr/>
        <a:lstStyle/>
        <a:p>
          <a:endParaRPr lang="en-US"/>
        </a:p>
      </dgm:t>
    </dgm:pt>
    <dgm:pt modelId="{B2EF03CE-E5E0-401A-8352-A838B675848E}">
      <dgm:prSet phldrT="[Text]" phldr="1"/>
      <dgm:spPr/>
      <dgm:t>
        <a:bodyPr/>
        <a:lstStyle/>
        <a:p>
          <a:endParaRPr lang="en-US"/>
        </a:p>
      </dgm:t>
    </dgm:pt>
    <dgm:pt modelId="{78D09966-CC71-4DE7-BB0E-B34947250CB8}" type="parTrans" cxnId="{B8552114-9B74-438E-82F0-34A03E3F65D5}">
      <dgm:prSet/>
      <dgm:spPr/>
      <dgm:t>
        <a:bodyPr/>
        <a:lstStyle/>
        <a:p>
          <a:endParaRPr lang="en-US"/>
        </a:p>
      </dgm:t>
    </dgm:pt>
    <dgm:pt modelId="{83BFEFCA-EADB-4385-A77E-BAA9B261C00C}" type="sibTrans" cxnId="{B8552114-9B74-438E-82F0-34A03E3F65D5}">
      <dgm:prSet/>
      <dgm:spPr/>
      <dgm:t>
        <a:bodyPr/>
        <a:lstStyle/>
        <a:p>
          <a:endParaRPr lang="en-US"/>
        </a:p>
      </dgm:t>
    </dgm:pt>
    <dgm:pt modelId="{0B668FCE-D825-4E24-9184-C9C9A1702672}">
      <dgm:prSet phldrT="[Text]" phldr="1"/>
      <dgm:spPr/>
      <dgm:t>
        <a:bodyPr/>
        <a:lstStyle/>
        <a:p>
          <a:endParaRPr lang="en-US"/>
        </a:p>
      </dgm:t>
    </dgm:pt>
    <dgm:pt modelId="{EDB6402A-086C-4D09-B982-1E995868AE0D}" type="parTrans" cxnId="{88F19307-A4ED-44CA-81E4-D2905ABA1777}">
      <dgm:prSet/>
      <dgm:spPr/>
      <dgm:t>
        <a:bodyPr/>
        <a:lstStyle/>
        <a:p>
          <a:endParaRPr lang="en-US"/>
        </a:p>
      </dgm:t>
    </dgm:pt>
    <dgm:pt modelId="{07095D12-3D43-4930-BBEF-A93949C66A3D}" type="sibTrans" cxnId="{88F19307-A4ED-44CA-81E4-D2905ABA1777}">
      <dgm:prSet/>
      <dgm:spPr/>
      <dgm:t>
        <a:bodyPr/>
        <a:lstStyle/>
        <a:p>
          <a:endParaRPr lang="en-US"/>
        </a:p>
      </dgm:t>
    </dgm:pt>
    <dgm:pt modelId="{2CAA5B0D-6B7F-4E02-A270-DA8730FC3394}">
      <dgm:prSet phldrT="[Text]" phldr="1"/>
      <dgm:spPr/>
      <dgm:t>
        <a:bodyPr/>
        <a:lstStyle/>
        <a:p>
          <a:endParaRPr lang="en-US"/>
        </a:p>
      </dgm:t>
    </dgm:pt>
    <dgm:pt modelId="{5CB11661-13F9-4E16-8CFF-01E529812BBF}" type="parTrans" cxnId="{A3B3D80A-D4FB-4965-A29B-F8C689019766}">
      <dgm:prSet/>
      <dgm:spPr/>
      <dgm:t>
        <a:bodyPr/>
        <a:lstStyle/>
        <a:p>
          <a:endParaRPr lang="en-US"/>
        </a:p>
      </dgm:t>
    </dgm:pt>
    <dgm:pt modelId="{4EEF7E2D-AF20-46C8-8D88-B13FE084C038}" type="sibTrans" cxnId="{A3B3D80A-D4FB-4965-A29B-F8C689019766}">
      <dgm:prSet/>
      <dgm:spPr/>
      <dgm:t>
        <a:bodyPr/>
        <a:lstStyle/>
        <a:p>
          <a:endParaRPr lang="en-US"/>
        </a:p>
      </dgm:t>
    </dgm:pt>
    <dgm:pt modelId="{BD0CDD8C-E0E4-4C48-BCC2-A7F0D6B0F582}">
      <dgm:prSet phldrT="[Text]" phldr="1"/>
      <dgm:spPr/>
      <dgm:t>
        <a:bodyPr/>
        <a:lstStyle/>
        <a:p>
          <a:endParaRPr lang="en-US"/>
        </a:p>
      </dgm:t>
    </dgm:pt>
    <dgm:pt modelId="{EB4F208D-AB22-4EA9-AD72-695A0301BD0F}" type="parTrans" cxnId="{20D41045-CF58-4010-ABBB-3A0BA3C5F20E}">
      <dgm:prSet/>
      <dgm:spPr/>
      <dgm:t>
        <a:bodyPr/>
        <a:lstStyle/>
        <a:p>
          <a:endParaRPr lang="en-US"/>
        </a:p>
      </dgm:t>
    </dgm:pt>
    <dgm:pt modelId="{EA3D60CE-2D42-4B37-B01E-B05861CF9D9E}" type="sibTrans" cxnId="{20D41045-CF58-4010-ABBB-3A0BA3C5F20E}">
      <dgm:prSet/>
      <dgm:spPr/>
      <dgm:t>
        <a:bodyPr/>
        <a:lstStyle/>
        <a:p>
          <a:endParaRPr lang="en-US"/>
        </a:p>
      </dgm:t>
    </dgm:pt>
    <dgm:pt modelId="{96D69789-2721-438F-A175-29A04921CE2B}">
      <dgm:prSet phldrT="[Text]" phldr="1"/>
      <dgm:spPr/>
      <dgm:t>
        <a:bodyPr/>
        <a:lstStyle/>
        <a:p>
          <a:endParaRPr lang="en-US"/>
        </a:p>
      </dgm:t>
    </dgm:pt>
    <dgm:pt modelId="{91963034-8BC4-48E1-BF8F-FE0E227540EA}" type="parTrans" cxnId="{5D05F594-5E98-4E29-9AC4-C9ABFC1CE359}">
      <dgm:prSet/>
      <dgm:spPr/>
      <dgm:t>
        <a:bodyPr/>
        <a:lstStyle/>
        <a:p>
          <a:endParaRPr lang="en-US"/>
        </a:p>
      </dgm:t>
    </dgm:pt>
    <dgm:pt modelId="{8FCA0DDB-5D78-408B-BD8B-4BF30CF206E1}" type="sibTrans" cxnId="{5D05F594-5E98-4E29-9AC4-C9ABFC1CE359}">
      <dgm:prSet/>
      <dgm:spPr/>
      <dgm:t>
        <a:bodyPr/>
        <a:lstStyle/>
        <a:p>
          <a:endParaRPr lang="en-US"/>
        </a:p>
      </dgm:t>
    </dgm:pt>
    <dgm:pt modelId="{2ABA979F-6EAE-464A-A4EF-8D165C3271BF}">
      <dgm:prSet phldrT="[Text]" phldr="1"/>
      <dgm:spPr/>
      <dgm:t>
        <a:bodyPr/>
        <a:lstStyle/>
        <a:p>
          <a:endParaRPr lang="en-US"/>
        </a:p>
      </dgm:t>
    </dgm:pt>
    <dgm:pt modelId="{3ED80605-F426-4A6D-BFFD-1ADC443D06FE}" type="parTrans" cxnId="{5E464F23-BDCC-4C9D-B2DD-ED19B2B27F56}">
      <dgm:prSet/>
      <dgm:spPr/>
      <dgm:t>
        <a:bodyPr/>
        <a:lstStyle/>
        <a:p>
          <a:endParaRPr lang="en-US"/>
        </a:p>
      </dgm:t>
    </dgm:pt>
    <dgm:pt modelId="{AAA03FB1-A4BE-4978-B5DD-287EF641C41E}" type="sibTrans" cxnId="{5E464F23-BDCC-4C9D-B2DD-ED19B2B27F56}">
      <dgm:prSet/>
      <dgm:spPr/>
      <dgm:t>
        <a:bodyPr/>
        <a:lstStyle/>
        <a:p>
          <a:endParaRPr lang="en-US"/>
        </a:p>
      </dgm:t>
    </dgm:pt>
    <dgm:pt modelId="{16BC461A-5CA1-46B5-951D-D0BCAD259ACC}">
      <dgm:prSet phldrT="[Text]" custT="1"/>
      <dgm:spPr>
        <a:solidFill>
          <a:srgbClr val="083C54"/>
        </a:solidFill>
      </dgm:spPr>
      <dgm:t>
        <a:bodyPr/>
        <a:lstStyle/>
        <a:p>
          <a:r>
            <a:rPr lang="en-US" sz="1200">
              <a:latin typeface="Squada One" panose="020B0604020202020204" charset="0"/>
            </a:rPr>
            <a:t>6)Evaluating and presenting the results</a:t>
          </a:r>
        </a:p>
      </dgm:t>
    </dgm:pt>
    <dgm:pt modelId="{F351A86C-B13F-4757-956C-0A0CACD24023}" type="parTrans" cxnId="{32974EAE-5142-46FF-878A-B081AF8A252E}">
      <dgm:prSet/>
      <dgm:spPr/>
      <dgm:t>
        <a:bodyPr/>
        <a:lstStyle/>
        <a:p>
          <a:endParaRPr lang="en-US"/>
        </a:p>
      </dgm:t>
    </dgm:pt>
    <dgm:pt modelId="{92890032-B847-4383-885D-CDE129C0E2C4}" type="sibTrans" cxnId="{32974EAE-5142-46FF-878A-B081AF8A252E}">
      <dgm:prSet/>
      <dgm:spPr/>
      <dgm:t>
        <a:bodyPr/>
        <a:lstStyle/>
        <a:p>
          <a:endParaRPr lang="en-US"/>
        </a:p>
      </dgm:t>
    </dgm:pt>
    <dgm:pt modelId="{39DE345D-F858-4881-80EA-252FCA53B233}">
      <dgm:prSet phldrT="[Text]"/>
      <dgm:spPr>
        <a:solidFill>
          <a:srgbClr val="083C54"/>
        </a:solidFill>
      </dgm:spPr>
      <dgm:t>
        <a:bodyPr/>
        <a:lstStyle/>
        <a:p>
          <a:r>
            <a:rPr lang="en-US" b="1" i="0">
              <a:latin typeface="Berlin Sans FB Demi" panose="020E0802020502020306" pitchFamily="34" charset="0"/>
            </a:rPr>
            <a:t>2)Gathering the Data</a:t>
          </a:r>
          <a:endParaRPr lang="en-US">
            <a:latin typeface="Berlin Sans FB Demi" panose="020E0802020502020306" pitchFamily="34" charset="0"/>
          </a:endParaRPr>
        </a:p>
      </dgm:t>
    </dgm:pt>
    <dgm:pt modelId="{292BCADC-0FA7-4B7C-BBF4-5542CF3FA5A4}" type="parTrans" cxnId="{46D73757-0660-4E13-8030-1AC7360AA968}">
      <dgm:prSet/>
      <dgm:spPr/>
      <dgm:t>
        <a:bodyPr/>
        <a:lstStyle/>
        <a:p>
          <a:endParaRPr lang="en-US"/>
        </a:p>
      </dgm:t>
    </dgm:pt>
    <dgm:pt modelId="{760E237E-93D4-4BD7-8FC9-4C18E7222362}" type="sibTrans" cxnId="{46D73757-0660-4E13-8030-1AC7360AA968}">
      <dgm:prSet/>
      <dgm:spPr/>
      <dgm:t>
        <a:bodyPr/>
        <a:lstStyle/>
        <a:p>
          <a:endParaRPr lang="en-US"/>
        </a:p>
      </dgm:t>
    </dgm:pt>
    <dgm:pt modelId="{A07D11BD-1446-47C1-8439-75B880FD21FC}">
      <dgm:prSet phldrT="[Text]"/>
      <dgm:spPr>
        <a:solidFill>
          <a:srgbClr val="083C54"/>
        </a:solidFill>
      </dgm:spPr>
      <dgm:t>
        <a:bodyPr/>
        <a:lstStyle/>
        <a:p>
          <a:r>
            <a:rPr lang="en-US" b="1" i="0">
              <a:latin typeface="Berlin Sans FB Demi" panose="020E0802020502020306" pitchFamily="34" charset="0"/>
            </a:rPr>
            <a:t>3)Building the model</a:t>
          </a:r>
          <a:endParaRPr lang="en-US">
            <a:latin typeface="Berlin Sans FB Demi" panose="020E0802020502020306" pitchFamily="34" charset="0"/>
          </a:endParaRPr>
        </a:p>
      </dgm:t>
    </dgm:pt>
    <dgm:pt modelId="{4F63DA9F-DCB8-4588-BB31-38478F0B21DF}" type="parTrans" cxnId="{92DAD95A-9987-468A-B5D7-56D06EDCD4B2}">
      <dgm:prSet/>
      <dgm:spPr/>
      <dgm:t>
        <a:bodyPr/>
        <a:lstStyle/>
        <a:p>
          <a:endParaRPr lang="en-US"/>
        </a:p>
      </dgm:t>
    </dgm:pt>
    <dgm:pt modelId="{0D353B80-16B9-4159-B5DC-2AAF1996FE78}" type="sibTrans" cxnId="{92DAD95A-9987-468A-B5D7-56D06EDCD4B2}">
      <dgm:prSet/>
      <dgm:spPr/>
      <dgm:t>
        <a:bodyPr/>
        <a:lstStyle/>
        <a:p>
          <a:endParaRPr lang="en-US"/>
        </a:p>
      </dgm:t>
    </dgm:pt>
    <dgm:pt modelId="{B59FD2D5-4E34-4833-A688-33C8D356BFFC}">
      <dgm:prSet phldrT="[Text]"/>
      <dgm:spPr>
        <a:solidFill>
          <a:srgbClr val="083C54"/>
        </a:solidFill>
      </dgm:spPr>
      <dgm:t>
        <a:bodyPr/>
        <a:lstStyle/>
        <a:p>
          <a:r>
            <a:rPr lang="en-US" b="1" i="0">
              <a:latin typeface="Berlin Sans FB Demi" panose="020E0802020502020306" pitchFamily="34" charset="0"/>
            </a:rPr>
            <a:t>4)Predicting the price</a:t>
          </a:r>
          <a:endParaRPr lang="en-US">
            <a:latin typeface="Berlin Sans FB Demi" panose="020E0802020502020306" pitchFamily="34" charset="0"/>
          </a:endParaRPr>
        </a:p>
      </dgm:t>
    </dgm:pt>
    <dgm:pt modelId="{DE91E64A-36D2-451A-91EE-73CAE3A8F106}" type="parTrans" cxnId="{5E54A078-A9D8-4CFA-8CAF-2F429688F53A}">
      <dgm:prSet/>
      <dgm:spPr/>
      <dgm:t>
        <a:bodyPr/>
        <a:lstStyle/>
        <a:p>
          <a:endParaRPr lang="en-US"/>
        </a:p>
      </dgm:t>
    </dgm:pt>
    <dgm:pt modelId="{E0EAB4AB-BB63-4608-99E0-89BE1D2FD427}" type="sibTrans" cxnId="{5E54A078-A9D8-4CFA-8CAF-2F429688F53A}">
      <dgm:prSet/>
      <dgm:spPr/>
      <dgm:t>
        <a:bodyPr/>
        <a:lstStyle/>
        <a:p>
          <a:endParaRPr lang="en-US"/>
        </a:p>
      </dgm:t>
    </dgm:pt>
    <dgm:pt modelId="{ACD6DB78-671D-4A76-AD0E-60FB2CE89CB0}">
      <dgm:prSet phldrT="[Text]"/>
      <dgm:spPr>
        <a:solidFill>
          <a:srgbClr val="083C54"/>
        </a:solidFill>
      </dgm:spPr>
      <dgm:t>
        <a:bodyPr/>
        <a:lstStyle/>
        <a:p>
          <a:r>
            <a:rPr lang="en-US" b="1" i="0">
              <a:latin typeface="Berlin Sans FB Demi" panose="020E0802020502020306" pitchFamily="34" charset="0"/>
            </a:rPr>
            <a:t>5)Producing the graphs</a:t>
          </a:r>
          <a:endParaRPr lang="en-US">
            <a:latin typeface="Berlin Sans FB Demi" panose="020E0802020502020306" pitchFamily="34" charset="0"/>
          </a:endParaRPr>
        </a:p>
      </dgm:t>
    </dgm:pt>
    <dgm:pt modelId="{0E62969D-A8A1-454C-B1E6-510891FEC4BC}" type="parTrans" cxnId="{23BADA67-5D14-47C7-83BD-933D78B3200E}">
      <dgm:prSet/>
      <dgm:spPr/>
      <dgm:t>
        <a:bodyPr/>
        <a:lstStyle/>
        <a:p>
          <a:endParaRPr lang="en-US"/>
        </a:p>
      </dgm:t>
    </dgm:pt>
    <dgm:pt modelId="{F7DC15DE-B037-4259-995E-E4E5BFEB4B56}" type="sibTrans" cxnId="{23BADA67-5D14-47C7-83BD-933D78B3200E}">
      <dgm:prSet/>
      <dgm:spPr/>
      <dgm:t>
        <a:bodyPr/>
        <a:lstStyle/>
        <a:p>
          <a:endParaRPr lang="en-US"/>
        </a:p>
      </dgm:t>
    </dgm:pt>
    <dgm:pt modelId="{9BBA7CA2-7D0F-4330-B950-9AFFA0273518}">
      <dgm:prSet phldrT="[Text]"/>
      <dgm:spPr>
        <a:solidFill>
          <a:srgbClr val="083C54"/>
        </a:solidFill>
      </dgm:spPr>
      <dgm:t>
        <a:bodyPr/>
        <a:lstStyle/>
        <a:p>
          <a:r>
            <a:rPr lang="en-US">
              <a:latin typeface="Berlin Sans FB Demi" panose="020E0802020502020306" pitchFamily="34" charset="0"/>
            </a:rPr>
            <a:t>1)Selecting the model</a:t>
          </a:r>
        </a:p>
      </dgm:t>
    </dgm:pt>
    <dgm:pt modelId="{DC30C312-2867-4D1F-B75F-109B68D0FA42}" type="parTrans" cxnId="{5E503B1A-A389-4E47-8D78-967FE8A7EA49}">
      <dgm:prSet/>
      <dgm:spPr/>
      <dgm:t>
        <a:bodyPr/>
        <a:lstStyle/>
        <a:p>
          <a:endParaRPr lang="en-US"/>
        </a:p>
      </dgm:t>
    </dgm:pt>
    <dgm:pt modelId="{658F0CF7-C120-40B6-8EB8-65B519C8A519}" type="sibTrans" cxnId="{5E503B1A-A389-4E47-8D78-967FE8A7EA49}">
      <dgm:prSet/>
      <dgm:spPr/>
      <dgm:t>
        <a:bodyPr/>
        <a:lstStyle/>
        <a:p>
          <a:endParaRPr lang="en-US"/>
        </a:p>
      </dgm:t>
    </dgm:pt>
    <dgm:pt modelId="{E55EDFC6-8300-40D0-858D-CDB9EBBE98B3}" type="pres">
      <dgm:prSet presAssocID="{91D52035-CCD8-41F6-8D7B-0AD0C1AEE5D2}" presName="Name0" presStyleCnt="0">
        <dgm:presLayoutVars>
          <dgm:chMax val="1"/>
          <dgm:chPref val="1"/>
          <dgm:dir/>
          <dgm:animOne val="branch"/>
          <dgm:animLvl val="lvl"/>
        </dgm:presLayoutVars>
      </dgm:prSet>
      <dgm:spPr/>
    </dgm:pt>
    <dgm:pt modelId="{2A91AA87-0F4F-433E-A524-F32C9DF1D4A3}" type="pres">
      <dgm:prSet presAssocID="{97BF1EFF-3692-4236-B760-80244FB0CAAC}" presName="Parent" presStyleLbl="node0" presStyleIdx="0" presStyleCnt="1" custLinFactNeighborX="-953" custLinFactNeighborY="0">
        <dgm:presLayoutVars>
          <dgm:chMax val="6"/>
          <dgm:chPref val="6"/>
        </dgm:presLayoutVars>
      </dgm:prSet>
      <dgm:spPr/>
    </dgm:pt>
    <dgm:pt modelId="{E9FC2E1D-6AF4-4366-B1A4-E23D30088D5D}" type="pres">
      <dgm:prSet presAssocID="{16BC461A-5CA1-46B5-951D-D0BCAD259ACC}" presName="Accent1" presStyleCnt="0"/>
      <dgm:spPr/>
    </dgm:pt>
    <dgm:pt modelId="{2B732740-8D74-4580-9222-B4ED9AE50210}" type="pres">
      <dgm:prSet presAssocID="{16BC461A-5CA1-46B5-951D-D0BCAD259ACC}" presName="Accent" presStyleLbl="bgShp" presStyleIdx="0" presStyleCnt="6"/>
      <dgm:spPr/>
    </dgm:pt>
    <dgm:pt modelId="{C3199BCD-A719-4C5C-A6B3-8DB46811F7A9}" type="pres">
      <dgm:prSet presAssocID="{16BC461A-5CA1-46B5-951D-D0BCAD259ACC}" presName="Child1" presStyleLbl="node1" presStyleIdx="0" presStyleCnt="6" custLinFactNeighborX="-97076" custLinFactNeighborY="58030">
        <dgm:presLayoutVars>
          <dgm:chMax val="0"/>
          <dgm:chPref val="0"/>
          <dgm:bulletEnabled val="1"/>
        </dgm:presLayoutVars>
      </dgm:prSet>
      <dgm:spPr/>
    </dgm:pt>
    <dgm:pt modelId="{F69BD1FC-EA17-4FF3-B776-25E5D7223286}" type="pres">
      <dgm:prSet presAssocID="{9BBA7CA2-7D0F-4330-B950-9AFFA0273518}" presName="Accent2" presStyleCnt="0"/>
      <dgm:spPr/>
    </dgm:pt>
    <dgm:pt modelId="{1CA66D0E-ACE0-4D86-8E8B-1652FE0EB589}" type="pres">
      <dgm:prSet presAssocID="{9BBA7CA2-7D0F-4330-B950-9AFFA0273518}" presName="Accent" presStyleLbl="bgShp" presStyleIdx="1" presStyleCnt="6"/>
      <dgm:spPr>
        <a:solidFill>
          <a:srgbClr val="083C54"/>
        </a:solidFill>
      </dgm:spPr>
    </dgm:pt>
    <dgm:pt modelId="{C6E88836-61F1-41BB-A4DE-0300146E1F26}" type="pres">
      <dgm:prSet presAssocID="{9BBA7CA2-7D0F-4330-B950-9AFFA0273518}" presName="Child2" presStyleLbl="node1" presStyleIdx="1" presStyleCnt="6" custLinFactNeighborX="-88280" custLinFactNeighborY="-60983">
        <dgm:presLayoutVars>
          <dgm:chMax val="0"/>
          <dgm:chPref val="0"/>
          <dgm:bulletEnabled val="1"/>
        </dgm:presLayoutVars>
      </dgm:prSet>
      <dgm:spPr/>
    </dgm:pt>
    <dgm:pt modelId="{6EBB7BAF-CFDE-4618-8B2E-3406B4EE5B1E}" type="pres">
      <dgm:prSet presAssocID="{39DE345D-F858-4881-80EA-252FCA53B233}" presName="Accent3" presStyleCnt="0"/>
      <dgm:spPr/>
    </dgm:pt>
    <dgm:pt modelId="{ECC6B55C-9D7C-42DC-95EC-7E1077DC6524}" type="pres">
      <dgm:prSet presAssocID="{39DE345D-F858-4881-80EA-252FCA53B233}" presName="Accent" presStyleLbl="bgShp" presStyleIdx="2" presStyleCnt="6"/>
      <dgm:spPr>
        <a:solidFill>
          <a:srgbClr val="083C54"/>
        </a:solidFill>
      </dgm:spPr>
    </dgm:pt>
    <dgm:pt modelId="{0E7158A0-CBEB-4777-A92A-102DF7DD343E}" type="pres">
      <dgm:prSet presAssocID="{39DE345D-F858-4881-80EA-252FCA53B233}" presName="Child3" presStyleLbl="node1" presStyleIdx="2" presStyleCnt="6" custLinFactY="-21930" custLinFactNeighborX="1666" custLinFactNeighborY="-100000">
        <dgm:presLayoutVars>
          <dgm:chMax val="0"/>
          <dgm:chPref val="0"/>
          <dgm:bulletEnabled val="1"/>
        </dgm:presLayoutVars>
      </dgm:prSet>
      <dgm:spPr/>
    </dgm:pt>
    <dgm:pt modelId="{2098F4AD-7D8B-4E64-B37F-852DD39DEAE4}" type="pres">
      <dgm:prSet presAssocID="{A07D11BD-1446-47C1-8439-75B880FD21FC}" presName="Accent4" presStyleCnt="0"/>
      <dgm:spPr/>
    </dgm:pt>
    <dgm:pt modelId="{25415ADA-6822-482A-A3B4-6EA0BE106810}" type="pres">
      <dgm:prSet presAssocID="{A07D11BD-1446-47C1-8439-75B880FD21FC}" presName="Accent" presStyleLbl="bgShp" presStyleIdx="3" presStyleCnt="6"/>
      <dgm:spPr>
        <a:solidFill>
          <a:srgbClr val="083C54"/>
        </a:solidFill>
      </dgm:spPr>
    </dgm:pt>
    <dgm:pt modelId="{17D6C482-5F45-42FB-8D7E-0979CD6EBAEB}" type="pres">
      <dgm:prSet presAssocID="{A07D11BD-1446-47C1-8439-75B880FD21FC}" presName="Child4" presStyleLbl="node1" presStyleIdx="3" presStyleCnt="6" custLinFactNeighborX="97164" custLinFactNeighborY="-63537">
        <dgm:presLayoutVars>
          <dgm:chMax val="0"/>
          <dgm:chPref val="0"/>
          <dgm:bulletEnabled val="1"/>
        </dgm:presLayoutVars>
      </dgm:prSet>
      <dgm:spPr/>
    </dgm:pt>
    <dgm:pt modelId="{F074689F-BA32-4A72-A49B-0E9FD4BCFA0C}" type="pres">
      <dgm:prSet presAssocID="{B59FD2D5-4E34-4833-A688-33C8D356BFFC}" presName="Accent5" presStyleCnt="0"/>
      <dgm:spPr/>
    </dgm:pt>
    <dgm:pt modelId="{0F478692-CC02-4DB8-8157-64E827203A48}" type="pres">
      <dgm:prSet presAssocID="{B59FD2D5-4E34-4833-A688-33C8D356BFFC}" presName="Accent" presStyleLbl="bgShp" presStyleIdx="4" presStyleCnt="6"/>
      <dgm:spPr>
        <a:solidFill>
          <a:srgbClr val="083C54"/>
        </a:solidFill>
      </dgm:spPr>
    </dgm:pt>
    <dgm:pt modelId="{5FD85BEB-D066-4F80-ABBD-C4F6986E4F95}" type="pres">
      <dgm:prSet presAssocID="{B59FD2D5-4E34-4833-A688-33C8D356BFFC}" presName="Child5" presStyleLbl="node1" presStyleIdx="4" presStyleCnt="6" custLinFactNeighborX="91611" custLinFactNeighborY="58402">
        <dgm:presLayoutVars>
          <dgm:chMax val="0"/>
          <dgm:chPref val="0"/>
          <dgm:bulletEnabled val="1"/>
        </dgm:presLayoutVars>
      </dgm:prSet>
      <dgm:spPr/>
    </dgm:pt>
    <dgm:pt modelId="{15FA5CCD-2FDC-4799-A508-12287870492C}" type="pres">
      <dgm:prSet presAssocID="{ACD6DB78-671D-4A76-AD0E-60FB2CE89CB0}" presName="Accent6" presStyleCnt="0"/>
      <dgm:spPr/>
    </dgm:pt>
    <dgm:pt modelId="{F89884C1-66EF-427B-AE43-9E1DDBB8DDA2}" type="pres">
      <dgm:prSet presAssocID="{ACD6DB78-671D-4A76-AD0E-60FB2CE89CB0}" presName="Accent" presStyleLbl="bgShp" presStyleIdx="5" presStyleCnt="6"/>
      <dgm:spPr>
        <a:solidFill>
          <a:srgbClr val="083C54"/>
        </a:solidFill>
      </dgm:spPr>
    </dgm:pt>
    <dgm:pt modelId="{FFAAC6F8-5E3D-4CE9-AC2B-0C5E890D3F04}" type="pres">
      <dgm:prSet presAssocID="{ACD6DB78-671D-4A76-AD0E-60FB2CE89CB0}" presName="Child6" presStyleLbl="node1" presStyleIdx="5" presStyleCnt="6" custLinFactY="23552" custLinFactNeighborX="-4244" custLinFactNeighborY="100000">
        <dgm:presLayoutVars>
          <dgm:chMax val="0"/>
          <dgm:chPref val="0"/>
          <dgm:bulletEnabled val="1"/>
        </dgm:presLayoutVars>
      </dgm:prSet>
      <dgm:spPr/>
    </dgm:pt>
  </dgm:ptLst>
  <dgm:cxnLst>
    <dgm:cxn modelId="{89D91F00-9E0C-4652-A12E-CBD3D64FD576}" type="presOf" srcId="{B59FD2D5-4E34-4833-A688-33C8D356BFFC}" destId="{5FD85BEB-D066-4F80-ABBD-C4F6986E4F95}" srcOrd="0" destOrd="0" presId="urn:microsoft.com/office/officeart/2011/layout/HexagonRadial"/>
    <dgm:cxn modelId="{88F19307-A4ED-44CA-81E4-D2905ABA1777}" srcId="{B2EF03CE-E5E0-401A-8352-A838B675848E}" destId="{0B668FCE-D825-4E24-9184-C9C9A1702672}" srcOrd="0" destOrd="0" parTransId="{EDB6402A-086C-4D09-B982-1E995868AE0D}" sibTransId="{07095D12-3D43-4930-BBEF-A93949C66A3D}"/>
    <dgm:cxn modelId="{A3B3D80A-D4FB-4965-A29B-F8C689019766}" srcId="{B2EF03CE-E5E0-401A-8352-A838B675848E}" destId="{2CAA5B0D-6B7F-4E02-A270-DA8730FC3394}" srcOrd="1" destOrd="0" parTransId="{5CB11661-13F9-4E16-8CFF-01E529812BBF}" sibTransId="{4EEF7E2D-AF20-46C8-8D88-B13FE084C038}"/>
    <dgm:cxn modelId="{B8552114-9B74-438E-82F0-34A03E3F65D5}" srcId="{91D52035-CCD8-41F6-8D7B-0AD0C1AEE5D2}" destId="{B2EF03CE-E5E0-401A-8352-A838B675848E}" srcOrd="1" destOrd="0" parTransId="{78D09966-CC71-4DE7-BB0E-B34947250CB8}" sibTransId="{83BFEFCA-EADB-4385-A77E-BAA9B261C00C}"/>
    <dgm:cxn modelId="{41934D16-292F-4FBB-997D-8A1080754F6C}" type="presOf" srcId="{9BBA7CA2-7D0F-4330-B950-9AFFA0273518}" destId="{C6E88836-61F1-41BB-A4DE-0300146E1F26}" srcOrd="0" destOrd="0" presId="urn:microsoft.com/office/officeart/2011/layout/HexagonRadial"/>
    <dgm:cxn modelId="{8913C219-ADC4-4524-9EC9-AF74315CF223}" srcId="{91D52035-CCD8-41F6-8D7B-0AD0C1AEE5D2}" destId="{97BF1EFF-3692-4236-B760-80244FB0CAAC}" srcOrd="0" destOrd="0" parTransId="{6099C9E6-474B-4146-A426-479A84B4675F}" sibTransId="{CE7F288D-71ED-43B5-97C1-FF499E617141}"/>
    <dgm:cxn modelId="{5E503B1A-A389-4E47-8D78-967FE8A7EA49}" srcId="{97BF1EFF-3692-4236-B760-80244FB0CAAC}" destId="{9BBA7CA2-7D0F-4330-B950-9AFFA0273518}" srcOrd="1" destOrd="0" parTransId="{DC30C312-2867-4D1F-B75F-109B68D0FA42}" sibTransId="{658F0CF7-C120-40B6-8EB8-65B519C8A519}"/>
    <dgm:cxn modelId="{5E464F23-BDCC-4C9D-B2DD-ED19B2B27F56}" srcId="{B2EF03CE-E5E0-401A-8352-A838B675848E}" destId="{2ABA979F-6EAE-464A-A4EF-8D165C3271BF}" srcOrd="4" destOrd="0" parTransId="{3ED80605-F426-4A6D-BFFD-1ADC443D06FE}" sibTransId="{AAA03FB1-A4BE-4978-B5DD-287EF641C41E}"/>
    <dgm:cxn modelId="{20D41045-CF58-4010-ABBB-3A0BA3C5F20E}" srcId="{B2EF03CE-E5E0-401A-8352-A838B675848E}" destId="{BD0CDD8C-E0E4-4C48-BCC2-A7F0D6B0F582}" srcOrd="2" destOrd="0" parTransId="{EB4F208D-AB22-4EA9-AD72-695A0301BD0F}" sibTransId="{EA3D60CE-2D42-4B37-B01E-B05861CF9D9E}"/>
    <dgm:cxn modelId="{23BADA67-5D14-47C7-83BD-933D78B3200E}" srcId="{97BF1EFF-3692-4236-B760-80244FB0CAAC}" destId="{ACD6DB78-671D-4A76-AD0E-60FB2CE89CB0}" srcOrd="5" destOrd="0" parTransId="{0E62969D-A8A1-454C-B1E6-510891FEC4BC}" sibTransId="{F7DC15DE-B037-4259-995E-E4E5BFEB4B56}"/>
    <dgm:cxn modelId="{A3F4CA49-629A-4B86-9D7B-200C9426CE82}" type="presOf" srcId="{39DE345D-F858-4881-80EA-252FCA53B233}" destId="{0E7158A0-CBEB-4777-A92A-102DF7DD343E}" srcOrd="0" destOrd="0" presId="urn:microsoft.com/office/officeart/2011/layout/HexagonRadial"/>
    <dgm:cxn modelId="{9F86254A-28A2-47F3-9120-2EF9B4067564}" type="presOf" srcId="{16BC461A-5CA1-46B5-951D-D0BCAD259ACC}" destId="{C3199BCD-A719-4C5C-A6B3-8DB46811F7A9}" srcOrd="0" destOrd="0" presId="urn:microsoft.com/office/officeart/2011/layout/HexagonRadial"/>
    <dgm:cxn modelId="{46D73757-0660-4E13-8030-1AC7360AA968}" srcId="{97BF1EFF-3692-4236-B760-80244FB0CAAC}" destId="{39DE345D-F858-4881-80EA-252FCA53B233}" srcOrd="2" destOrd="0" parTransId="{292BCADC-0FA7-4B7C-BBF4-5542CF3FA5A4}" sibTransId="{760E237E-93D4-4BD7-8FC9-4C18E7222362}"/>
    <dgm:cxn modelId="{5E54A078-A9D8-4CFA-8CAF-2F429688F53A}" srcId="{97BF1EFF-3692-4236-B760-80244FB0CAAC}" destId="{B59FD2D5-4E34-4833-A688-33C8D356BFFC}" srcOrd="4" destOrd="0" parTransId="{DE91E64A-36D2-451A-91EE-73CAE3A8F106}" sibTransId="{E0EAB4AB-BB63-4608-99E0-89BE1D2FD427}"/>
    <dgm:cxn modelId="{92DAD95A-9987-468A-B5D7-56D06EDCD4B2}" srcId="{97BF1EFF-3692-4236-B760-80244FB0CAAC}" destId="{A07D11BD-1446-47C1-8439-75B880FD21FC}" srcOrd="3" destOrd="0" parTransId="{4F63DA9F-DCB8-4588-BB31-38478F0B21DF}" sibTransId="{0D353B80-16B9-4159-B5DC-2AAF1996FE78}"/>
    <dgm:cxn modelId="{C6B97287-23FE-44AC-B05A-DC42B29F5242}" type="presOf" srcId="{91D52035-CCD8-41F6-8D7B-0AD0C1AEE5D2}" destId="{E55EDFC6-8300-40D0-858D-CDB9EBBE98B3}" srcOrd="0" destOrd="0" presId="urn:microsoft.com/office/officeart/2011/layout/HexagonRadial"/>
    <dgm:cxn modelId="{4282BC8D-894F-4EB1-B15A-8C057CD8AC78}" type="presOf" srcId="{A07D11BD-1446-47C1-8439-75B880FD21FC}" destId="{17D6C482-5F45-42FB-8D7E-0979CD6EBAEB}" srcOrd="0" destOrd="0" presId="urn:microsoft.com/office/officeart/2011/layout/HexagonRadial"/>
    <dgm:cxn modelId="{5D05F594-5E98-4E29-9AC4-C9ABFC1CE359}" srcId="{B2EF03CE-E5E0-401A-8352-A838B675848E}" destId="{96D69789-2721-438F-A175-29A04921CE2B}" srcOrd="3" destOrd="0" parTransId="{91963034-8BC4-48E1-BF8F-FE0E227540EA}" sibTransId="{8FCA0DDB-5D78-408B-BD8B-4BF30CF206E1}"/>
    <dgm:cxn modelId="{32974EAE-5142-46FF-878A-B081AF8A252E}" srcId="{97BF1EFF-3692-4236-B760-80244FB0CAAC}" destId="{16BC461A-5CA1-46B5-951D-D0BCAD259ACC}" srcOrd="0" destOrd="0" parTransId="{F351A86C-B13F-4757-956C-0A0CACD24023}" sibTransId="{92890032-B847-4383-885D-CDE129C0E2C4}"/>
    <dgm:cxn modelId="{2F8A0DD5-4036-4CE3-A227-37F6EC9F117B}" type="presOf" srcId="{97BF1EFF-3692-4236-B760-80244FB0CAAC}" destId="{2A91AA87-0F4F-433E-A524-F32C9DF1D4A3}" srcOrd="0" destOrd="0" presId="urn:microsoft.com/office/officeart/2011/layout/HexagonRadial"/>
    <dgm:cxn modelId="{9F382CE0-0947-49D9-AF24-2E6390BDE8DE}" type="presOf" srcId="{ACD6DB78-671D-4A76-AD0E-60FB2CE89CB0}" destId="{FFAAC6F8-5E3D-4CE9-AC2B-0C5E890D3F04}" srcOrd="0" destOrd="0" presId="urn:microsoft.com/office/officeart/2011/layout/HexagonRadial"/>
    <dgm:cxn modelId="{E4DDD4C1-B94A-442C-B7D7-C2E2A8266BF7}" type="presParOf" srcId="{E55EDFC6-8300-40D0-858D-CDB9EBBE98B3}" destId="{2A91AA87-0F4F-433E-A524-F32C9DF1D4A3}" srcOrd="0" destOrd="0" presId="urn:microsoft.com/office/officeart/2011/layout/HexagonRadial"/>
    <dgm:cxn modelId="{559FAEBF-358F-4AF5-8892-A1FF894590AB}" type="presParOf" srcId="{E55EDFC6-8300-40D0-858D-CDB9EBBE98B3}" destId="{E9FC2E1D-6AF4-4366-B1A4-E23D30088D5D}" srcOrd="1" destOrd="0" presId="urn:microsoft.com/office/officeart/2011/layout/HexagonRadial"/>
    <dgm:cxn modelId="{13F839DF-7830-4289-94C5-9293DE91076E}" type="presParOf" srcId="{E9FC2E1D-6AF4-4366-B1A4-E23D30088D5D}" destId="{2B732740-8D74-4580-9222-B4ED9AE50210}" srcOrd="0" destOrd="0" presId="urn:microsoft.com/office/officeart/2011/layout/HexagonRadial"/>
    <dgm:cxn modelId="{B028B217-2061-43C5-8421-3BDAFF673829}" type="presParOf" srcId="{E55EDFC6-8300-40D0-858D-CDB9EBBE98B3}" destId="{C3199BCD-A719-4C5C-A6B3-8DB46811F7A9}" srcOrd="2" destOrd="0" presId="urn:microsoft.com/office/officeart/2011/layout/HexagonRadial"/>
    <dgm:cxn modelId="{CD2109F9-1C2C-486D-BC82-186F9452F0A3}" type="presParOf" srcId="{E55EDFC6-8300-40D0-858D-CDB9EBBE98B3}" destId="{F69BD1FC-EA17-4FF3-B776-25E5D7223286}" srcOrd="3" destOrd="0" presId="urn:microsoft.com/office/officeart/2011/layout/HexagonRadial"/>
    <dgm:cxn modelId="{A4A873D8-0226-4CCB-8A65-72772C44ED99}" type="presParOf" srcId="{F69BD1FC-EA17-4FF3-B776-25E5D7223286}" destId="{1CA66D0E-ACE0-4D86-8E8B-1652FE0EB589}" srcOrd="0" destOrd="0" presId="urn:microsoft.com/office/officeart/2011/layout/HexagonRadial"/>
    <dgm:cxn modelId="{261C992C-3A8C-4FFA-8B9B-8B6A268489ED}" type="presParOf" srcId="{E55EDFC6-8300-40D0-858D-CDB9EBBE98B3}" destId="{C6E88836-61F1-41BB-A4DE-0300146E1F26}" srcOrd="4" destOrd="0" presId="urn:microsoft.com/office/officeart/2011/layout/HexagonRadial"/>
    <dgm:cxn modelId="{510F95E8-9729-4E45-82E3-F8C8D87F1F1E}" type="presParOf" srcId="{E55EDFC6-8300-40D0-858D-CDB9EBBE98B3}" destId="{6EBB7BAF-CFDE-4618-8B2E-3406B4EE5B1E}" srcOrd="5" destOrd="0" presId="urn:microsoft.com/office/officeart/2011/layout/HexagonRadial"/>
    <dgm:cxn modelId="{AB00BF02-0B02-4CB4-9385-1FF7FA33A3AB}" type="presParOf" srcId="{6EBB7BAF-CFDE-4618-8B2E-3406B4EE5B1E}" destId="{ECC6B55C-9D7C-42DC-95EC-7E1077DC6524}" srcOrd="0" destOrd="0" presId="urn:microsoft.com/office/officeart/2011/layout/HexagonRadial"/>
    <dgm:cxn modelId="{2F1E2EFF-E996-42D5-954F-F3E0C13890ED}" type="presParOf" srcId="{E55EDFC6-8300-40D0-858D-CDB9EBBE98B3}" destId="{0E7158A0-CBEB-4777-A92A-102DF7DD343E}" srcOrd="6" destOrd="0" presId="urn:microsoft.com/office/officeart/2011/layout/HexagonRadial"/>
    <dgm:cxn modelId="{AAC2D7CD-7957-41D4-87EC-AC6960B0C40B}" type="presParOf" srcId="{E55EDFC6-8300-40D0-858D-CDB9EBBE98B3}" destId="{2098F4AD-7D8B-4E64-B37F-852DD39DEAE4}" srcOrd="7" destOrd="0" presId="urn:microsoft.com/office/officeart/2011/layout/HexagonRadial"/>
    <dgm:cxn modelId="{6B086C0B-2865-45AD-8237-3E74E030E670}" type="presParOf" srcId="{2098F4AD-7D8B-4E64-B37F-852DD39DEAE4}" destId="{25415ADA-6822-482A-A3B4-6EA0BE106810}" srcOrd="0" destOrd="0" presId="urn:microsoft.com/office/officeart/2011/layout/HexagonRadial"/>
    <dgm:cxn modelId="{F6B7FB21-177D-4B74-80E3-69A4C2A8FC23}" type="presParOf" srcId="{E55EDFC6-8300-40D0-858D-CDB9EBBE98B3}" destId="{17D6C482-5F45-42FB-8D7E-0979CD6EBAEB}" srcOrd="8" destOrd="0" presId="urn:microsoft.com/office/officeart/2011/layout/HexagonRadial"/>
    <dgm:cxn modelId="{739CD7BD-41BD-4FBB-9A61-97F9CE2DFB47}" type="presParOf" srcId="{E55EDFC6-8300-40D0-858D-CDB9EBBE98B3}" destId="{F074689F-BA32-4A72-A49B-0E9FD4BCFA0C}" srcOrd="9" destOrd="0" presId="urn:microsoft.com/office/officeart/2011/layout/HexagonRadial"/>
    <dgm:cxn modelId="{09B95C62-9166-4419-BA31-CDA357529921}" type="presParOf" srcId="{F074689F-BA32-4A72-A49B-0E9FD4BCFA0C}" destId="{0F478692-CC02-4DB8-8157-64E827203A48}" srcOrd="0" destOrd="0" presId="urn:microsoft.com/office/officeart/2011/layout/HexagonRadial"/>
    <dgm:cxn modelId="{2879B1C5-C391-4A3B-BB9F-F15B32E2D517}" type="presParOf" srcId="{E55EDFC6-8300-40D0-858D-CDB9EBBE98B3}" destId="{5FD85BEB-D066-4F80-ABBD-C4F6986E4F95}" srcOrd="10" destOrd="0" presId="urn:microsoft.com/office/officeart/2011/layout/HexagonRadial"/>
    <dgm:cxn modelId="{27B5418B-AC1F-4191-9003-5671C513AEAE}" type="presParOf" srcId="{E55EDFC6-8300-40D0-858D-CDB9EBBE98B3}" destId="{15FA5CCD-2FDC-4799-A508-12287870492C}" srcOrd="11" destOrd="0" presId="urn:microsoft.com/office/officeart/2011/layout/HexagonRadial"/>
    <dgm:cxn modelId="{5FA87106-FA4F-485A-81A8-CEEC445E5EA2}" type="presParOf" srcId="{15FA5CCD-2FDC-4799-A508-12287870492C}" destId="{F89884C1-66EF-427B-AE43-9E1DDBB8DDA2}" srcOrd="0" destOrd="0" presId="urn:microsoft.com/office/officeart/2011/layout/HexagonRadial"/>
    <dgm:cxn modelId="{BC79EA52-1606-4203-B870-A476332DD92B}" type="presParOf" srcId="{E55EDFC6-8300-40D0-858D-CDB9EBBE98B3}" destId="{FFAAC6F8-5E3D-4CE9-AC2B-0C5E890D3F04}" srcOrd="12" destOrd="0" presId="urn:microsoft.com/office/officeart/2011/layout/HexagonRadial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A91AA87-0F4F-433E-A524-F32C9DF1D4A3}">
      <dsp:nvSpPr>
        <dsp:cNvPr id="0" name=""/>
        <dsp:cNvSpPr/>
      </dsp:nvSpPr>
      <dsp:spPr>
        <a:xfrm>
          <a:off x="1329127" y="1197819"/>
          <a:ext cx="1522480" cy="1317007"/>
        </a:xfrm>
        <a:prstGeom prst="hexagon">
          <a:avLst>
            <a:gd name="adj" fmla="val 28570"/>
            <a:gd name="vf" fmla="val 115470"/>
          </a:avLst>
        </a:prstGeom>
        <a:solidFill>
          <a:srgbClr val="083C54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>
              <a:latin typeface="Squada One" panose="020B0604020202020204" charset="0"/>
            </a:rPr>
            <a:t>Housing Price Predictor</a:t>
          </a:r>
        </a:p>
      </dsp:txBody>
      <dsp:txXfrm>
        <a:off x="1581423" y="1416066"/>
        <a:ext cx="1017888" cy="880513"/>
      </dsp:txXfrm>
    </dsp:sp>
    <dsp:sp modelId="{1CA66D0E-ACE0-4D86-8E8B-1652FE0EB589}">
      <dsp:nvSpPr>
        <dsp:cNvPr id="0" name=""/>
        <dsp:cNvSpPr/>
      </dsp:nvSpPr>
      <dsp:spPr>
        <a:xfrm>
          <a:off x="2297002" y="567720"/>
          <a:ext cx="574427" cy="494945"/>
        </a:xfrm>
        <a:prstGeom prst="hexagon">
          <a:avLst>
            <a:gd name="adj" fmla="val 28900"/>
            <a:gd name="vf" fmla="val 115470"/>
          </a:avLst>
        </a:prstGeom>
        <a:solidFill>
          <a:srgbClr val="083C54"/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3199BCD-A719-4C5C-A6B3-8DB46811F7A9}">
      <dsp:nvSpPr>
        <dsp:cNvPr id="0" name=""/>
        <dsp:cNvSpPr/>
      </dsp:nvSpPr>
      <dsp:spPr>
        <a:xfrm>
          <a:off x="272698" y="626360"/>
          <a:ext cx="1247662" cy="1079374"/>
        </a:xfrm>
        <a:prstGeom prst="hexagon">
          <a:avLst>
            <a:gd name="adj" fmla="val 28570"/>
            <a:gd name="vf" fmla="val 115470"/>
          </a:avLst>
        </a:prstGeom>
        <a:solidFill>
          <a:srgbClr val="083C54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>
              <a:latin typeface="Squada One" panose="020B0604020202020204" charset="0"/>
            </a:rPr>
            <a:t>6)Evaluating and presenting the results</a:t>
          </a:r>
        </a:p>
      </dsp:txBody>
      <dsp:txXfrm>
        <a:off x="479462" y="805235"/>
        <a:ext cx="834134" cy="721624"/>
      </dsp:txXfrm>
    </dsp:sp>
    <dsp:sp modelId="{ECC6B55C-9D7C-42DC-95EC-7E1077DC6524}">
      <dsp:nvSpPr>
        <dsp:cNvPr id="0" name=""/>
        <dsp:cNvSpPr/>
      </dsp:nvSpPr>
      <dsp:spPr>
        <a:xfrm>
          <a:off x="2967404" y="1493004"/>
          <a:ext cx="574427" cy="494945"/>
        </a:xfrm>
        <a:prstGeom prst="hexagon">
          <a:avLst>
            <a:gd name="adj" fmla="val 28900"/>
            <a:gd name="vf" fmla="val 115470"/>
          </a:avLst>
        </a:prstGeom>
        <a:solidFill>
          <a:srgbClr val="083C54"/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6E88836-61F1-41BB-A4DE-0300146E1F26}">
      <dsp:nvSpPr>
        <dsp:cNvPr id="0" name=""/>
        <dsp:cNvSpPr/>
      </dsp:nvSpPr>
      <dsp:spPr>
        <a:xfrm>
          <a:off x="1526694" y="5652"/>
          <a:ext cx="1247662" cy="1079374"/>
        </a:xfrm>
        <a:prstGeom prst="hexagon">
          <a:avLst>
            <a:gd name="adj" fmla="val 28570"/>
            <a:gd name="vf" fmla="val 115470"/>
          </a:avLst>
        </a:prstGeom>
        <a:solidFill>
          <a:srgbClr val="083C54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>
              <a:latin typeface="Berlin Sans FB Demi" panose="020E0802020502020306" pitchFamily="34" charset="0"/>
            </a:rPr>
            <a:t>1)Selecting the model</a:t>
          </a:r>
        </a:p>
      </dsp:txBody>
      <dsp:txXfrm>
        <a:off x="1733458" y="184527"/>
        <a:ext cx="834134" cy="721624"/>
      </dsp:txXfrm>
    </dsp:sp>
    <dsp:sp modelId="{25415ADA-6822-482A-A3B4-6EA0BE106810}">
      <dsp:nvSpPr>
        <dsp:cNvPr id="0" name=""/>
        <dsp:cNvSpPr/>
      </dsp:nvSpPr>
      <dsp:spPr>
        <a:xfrm>
          <a:off x="2501699" y="2537476"/>
          <a:ext cx="574427" cy="494945"/>
        </a:xfrm>
        <a:prstGeom prst="hexagon">
          <a:avLst>
            <a:gd name="adj" fmla="val 28900"/>
            <a:gd name="vf" fmla="val 115470"/>
          </a:avLst>
        </a:prstGeom>
        <a:solidFill>
          <a:srgbClr val="083C54"/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E7158A0-CBEB-4777-A92A-102DF7DD343E}">
      <dsp:nvSpPr>
        <dsp:cNvPr id="0" name=""/>
        <dsp:cNvSpPr/>
      </dsp:nvSpPr>
      <dsp:spPr>
        <a:xfrm>
          <a:off x="2648916" y="652932"/>
          <a:ext cx="1247662" cy="1079374"/>
        </a:xfrm>
        <a:prstGeom prst="hexagon">
          <a:avLst>
            <a:gd name="adj" fmla="val 28570"/>
            <a:gd name="vf" fmla="val 115470"/>
          </a:avLst>
        </a:prstGeom>
        <a:solidFill>
          <a:srgbClr val="083C54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i="0" kern="1200">
              <a:latin typeface="Berlin Sans FB Demi" panose="020E0802020502020306" pitchFamily="34" charset="0"/>
            </a:rPr>
            <a:t>2)Gathering the Data</a:t>
          </a:r>
          <a:endParaRPr lang="en-US" sz="1100" kern="1200">
            <a:latin typeface="Berlin Sans FB Demi" panose="020E0802020502020306" pitchFamily="34" charset="0"/>
          </a:endParaRPr>
        </a:p>
      </dsp:txBody>
      <dsp:txXfrm>
        <a:off x="2855680" y="831807"/>
        <a:ext cx="834134" cy="721624"/>
      </dsp:txXfrm>
    </dsp:sp>
    <dsp:sp modelId="{0F478692-CC02-4DB8-8157-64E827203A48}">
      <dsp:nvSpPr>
        <dsp:cNvPr id="0" name=""/>
        <dsp:cNvSpPr/>
      </dsp:nvSpPr>
      <dsp:spPr>
        <a:xfrm>
          <a:off x="1346470" y="2645896"/>
          <a:ext cx="574427" cy="494945"/>
        </a:xfrm>
        <a:prstGeom prst="hexagon">
          <a:avLst>
            <a:gd name="adj" fmla="val 28900"/>
            <a:gd name="vf" fmla="val 115470"/>
          </a:avLst>
        </a:prstGeom>
        <a:solidFill>
          <a:srgbClr val="083C54"/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7D6C482-5F45-42FB-8D7E-0979CD6EBAEB}">
      <dsp:nvSpPr>
        <dsp:cNvPr id="0" name=""/>
        <dsp:cNvSpPr/>
      </dsp:nvSpPr>
      <dsp:spPr>
        <a:xfrm>
          <a:off x="2696158" y="1947841"/>
          <a:ext cx="1247662" cy="1079374"/>
        </a:xfrm>
        <a:prstGeom prst="hexagon">
          <a:avLst>
            <a:gd name="adj" fmla="val 28570"/>
            <a:gd name="vf" fmla="val 115470"/>
          </a:avLst>
        </a:prstGeom>
        <a:solidFill>
          <a:srgbClr val="083C54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i="0" kern="1200">
              <a:latin typeface="Berlin Sans FB Demi" panose="020E0802020502020306" pitchFamily="34" charset="0"/>
            </a:rPr>
            <a:t>3)Building the model</a:t>
          </a:r>
          <a:endParaRPr lang="en-US" sz="1100" kern="1200">
            <a:latin typeface="Berlin Sans FB Demi" panose="020E0802020502020306" pitchFamily="34" charset="0"/>
          </a:endParaRPr>
        </a:p>
      </dsp:txBody>
      <dsp:txXfrm>
        <a:off x="2902922" y="2126716"/>
        <a:ext cx="834134" cy="721624"/>
      </dsp:txXfrm>
    </dsp:sp>
    <dsp:sp modelId="{F89884C1-66EF-427B-AE43-9E1DDBB8DDA2}">
      <dsp:nvSpPr>
        <dsp:cNvPr id="0" name=""/>
        <dsp:cNvSpPr/>
      </dsp:nvSpPr>
      <dsp:spPr>
        <a:xfrm>
          <a:off x="665090" y="1720983"/>
          <a:ext cx="574427" cy="494945"/>
        </a:xfrm>
        <a:prstGeom prst="hexagon">
          <a:avLst>
            <a:gd name="adj" fmla="val 28900"/>
            <a:gd name="vf" fmla="val 115470"/>
          </a:avLst>
        </a:prstGeom>
        <a:solidFill>
          <a:srgbClr val="083C54"/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FD85BEB-D066-4F80-ABBD-C4F6986E4F95}">
      <dsp:nvSpPr>
        <dsp:cNvPr id="0" name=""/>
        <dsp:cNvSpPr/>
      </dsp:nvSpPr>
      <dsp:spPr>
        <a:xfrm>
          <a:off x="1477312" y="2600132"/>
          <a:ext cx="1247662" cy="1079374"/>
        </a:xfrm>
        <a:prstGeom prst="hexagon">
          <a:avLst>
            <a:gd name="adj" fmla="val 28570"/>
            <a:gd name="vf" fmla="val 115470"/>
          </a:avLst>
        </a:prstGeom>
        <a:solidFill>
          <a:srgbClr val="083C54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i="0" kern="1200">
              <a:latin typeface="Berlin Sans FB Demi" panose="020E0802020502020306" pitchFamily="34" charset="0"/>
            </a:rPr>
            <a:t>4)Predicting the price</a:t>
          </a:r>
          <a:endParaRPr lang="en-US" sz="1100" kern="1200">
            <a:latin typeface="Berlin Sans FB Demi" panose="020E0802020502020306" pitchFamily="34" charset="0"/>
          </a:endParaRPr>
        </a:p>
      </dsp:txBody>
      <dsp:txXfrm>
        <a:off x="1684076" y="2779007"/>
        <a:ext cx="834134" cy="721624"/>
      </dsp:txXfrm>
    </dsp:sp>
    <dsp:sp modelId="{FFAAC6F8-5E3D-4CE9-AC2B-0C5E890D3F04}">
      <dsp:nvSpPr>
        <dsp:cNvPr id="0" name=""/>
        <dsp:cNvSpPr/>
      </dsp:nvSpPr>
      <dsp:spPr>
        <a:xfrm>
          <a:off x="281365" y="1995990"/>
          <a:ext cx="1247662" cy="1079374"/>
        </a:xfrm>
        <a:prstGeom prst="hexagon">
          <a:avLst>
            <a:gd name="adj" fmla="val 28570"/>
            <a:gd name="vf" fmla="val 115470"/>
          </a:avLst>
        </a:prstGeom>
        <a:solidFill>
          <a:srgbClr val="083C54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i="0" kern="1200">
              <a:latin typeface="Berlin Sans FB Demi" panose="020E0802020502020306" pitchFamily="34" charset="0"/>
            </a:rPr>
            <a:t>5)Producing the graphs</a:t>
          </a:r>
          <a:endParaRPr lang="en-US" sz="1100" kern="1200">
            <a:latin typeface="Berlin Sans FB Demi" panose="020E0802020502020306" pitchFamily="34" charset="0"/>
          </a:endParaRPr>
        </a:p>
      </dsp:txBody>
      <dsp:txXfrm>
        <a:off x="488129" y="2174865"/>
        <a:ext cx="834134" cy="72162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1/layout/HexagonRadial">
  <dgm:title val="Hexagon Radial"/>
  <dgm:desc val="Use to show a sequential process that relates to a central idea or theme. Limited to six Level 2 shapes. Works best with small amounts of text. Unused text does not appear, but remains available if you switch layouts."/>
  <dgm:catLst>
    <dgm:cat type="cycle" pri="8500"/>
    <dgm:cat type="officeonline" pri="90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  <dgm:pt modelId="15">
          <dgm:prSet phldr="1"/>
        </dgm:pt>
        <dgm:pt modelId="16">
          <dgm:prSet phldr="1"/>
        </dgm:pt>
      </dgm:ptLst>
      <dgm:cxnLst>
        <dgm:cxn modelId="40" srcId="0" destId="10" srcOrd="0" destOrd="0"/>
        <dgm:cxn modelId="50" srcId="10" destId="11" srcOrd="0" destOrd="0"/>
        <dgm:cxn modelId="60" srcId="10" destId="12" srcOrd="0" destOrd="0"/>
        <dgm:cxn modelId="70" srcId="10" destId="13" srcOrd="0" destOrd="0"/>
        <dgm:cxn modelId="80" srcId="10" destId="14" srcOrd="0" destOrd="0"/>
        <dgm:cxn modelId="90" srcId="10" destId="15" srcOrd="0" destOrd="0"/>
        <dgm:cxn modelId="100" srcId="10" destId="16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40" srcId="0" destId="10" srcOrd="0" destOrd="0"/>
        <dgm:cxn modelId="50" srcId="10" destId="11" srcOrd="0" destOrd="0"/>
        <dgm:cxn modelId="60" srcId="10" destId="12" srcOrd="0" destOrd="0"/>
        <dgm:cxn modelId="70" srcId="10" destId="13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  <dgm:pt modelId="15">
          <dgm:prSet phldr="1"/>
        </dgm:pt>
        <dgm:pt modelId="16">
          <dgm:prSet phldr="1"/>
        </dgm:pt>
      </dgm:ptLst>
      <dgm:cxnLst>
        <dgm:cxn modelId="40" srcId="0" destId="10" srcOrd="0" destOrd="0"/>
        <dgm:cxn modelId="50" srcId="10" destId="11" srcOrd="0" destOrd="0"/>
        <dgm:cxn modelId="60" srcId="10" destId="12" srcOrd="0" destOrd="0"/>
        <dgm:cxn modelId="70" srcId="10" destId="13" srcOrd="0" destOrd="0"/>
        <dgm:cxn modelId="80" srcId="10" destId="14" srcOrd="0" destOrd="0"/>
        <dgm:cxn modelId="90" srcId="10" destId="15" srcOrd="0" destOrd="0"/>
        <dgm:cxn modelId="100" srcId="10" destId="16" srcOrd="0" destOrd="0"/>
      </dgm:cxnLst>
      <dgm:bg/>
      <dgm:whole/>
    </dgm:dataModel>
  </dgm:clrData>
  <dgm:layoutNode name="Name0">
    <dgm:varLst>
      <dgm:chMax val="1"/>
      <dgm:chPref val="1"/>
      <dgm:dir/>
      <dgm:animOne val="branch"/>
      <dgm:animLvl val="lvl"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 ch" ptType="node node" st="1 1" cnt="1 0" func="cnt" op="equ" val="0">
            <dgm:alg type="composite">
              <dgm:param type="ar" val="1.1561"/>
            </dgm:alg>
            <dgm:constrLst>
              <dgm:constr type="primFontSz" for="des" forName="Parent" val="65"/>
              <dgm:constr type="l" for="ch" forName="Parent" refType="w" fact="0"/>
              <dgm:constr type="t" for="ch" forName="Parent" refType="h" fact="0"/>
              <dgm:constr type="w" for="ch" forName="Parent" refType="w"/>
              <dgm:constr type="h" for="ch" forName="Parent" refType="h"/>
            </dgm:constrLst>
          </dgm:if>
          <dgm:if name="Name5" axis="ch ch" ptType="node node" st="1 1" cnt="1 0" func="cnt" op="lte" val="1">
            <dgm:alg type="composite">
              <dgm:param type="ar" val="1.368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l" for="ch" forName="Accent1" refType="w" fact="0.1685"/>
              <dgm:constr type="t" for="ch" forName="Accent1" refType="h" fact="0.2946"/>
              <dgm:constr type="w" for="ch" forName="Accent1" refType="w" fact="0.462"/>
              <dgm:constr type="h" for="ch" forName="Accent1" refType="h" fact="0.5472"/>
              <dgm:constr type="l" for="ch" forName="Parent" refType="w" fact="0"/>
              <dgm:constr type="t" for="ch" forName="Parent" refType="h" fact="0.2885"/>
              <dgm:constr type="w" for="ch" forName="Parent" refType="w" fact="0.6013"/>
              <dgm:constr type="h" for="ch" forName="Parent" refType="h" fact="0.7115"/>
              <dgm:constr type="l" for="ch" forName="Child1" refType="w" fact="0.5073"/>
              <dgm:constr type="t" for="ch" forName="Child1" refType="h" fact="0"/>
              <dgm:constr type="w" for="ch" forName="Child1" refType="w" fact="0.4927"/>
              <dgm:constr type="h" for="ch" forName="Child1" refType="h" fact="0.5831"/>
            </dgm:constrLst>
          </dgm:if>
          <dgm:if name="Name6" axis="ch ch" ptType="node node" st="1 1" cnt="1 0" func="cnt" op="equ" val="2">
            <dgm:alg type="composite">
              <dgm:param type="ar" val="1.0619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2" refType="primFontSz" refFor="des" refForName="Child1" op="equ"/>
              <dgm:constr type="l" for="ch" forName="Accent2" refType="w" fact="0.6413"/>
              <dgm:constr type="t" for="ch" forName="Accent2" refType="h" fact="0.3477"/>
              <dgm:constr type="w" for="ch" forName="Accent2" refType="w" fact="0.2269"/>
              <dgm:constr type="h" for="ch" forName="Accent2" refType="h" fact="0.2076"/>
              <dgm:constr type="l" for="ch" forName="Accent1" refType="w" fact="0"/>
              <dgm:constr type="t" for="ch" forName="Accent1" refType="h" fact="0"/>
              <dgm:constr type="w" for="ch" forName="Accent1" refType="w" fact="0"/>
              <dgm:constr type="h" for="ch" forName="Accent1" refType="h" fact="0"/>
              <dgm:constr type="l" for="ch" forName="Parent" refType="w" fact="0"/>
              <dgm:constr type="t" for="ch" forName="Parent" refType="h" fact="0.2239"/>
              <dgm:constr type="w" for="ch" forName="Parent" refType="w" fact="0.6013"/>
              <dgm:constr type="h" for="ch" forName="Parent" refType="h" fact="0.5523"/>
              <dgm:constr type="l" for="ch" forName="Child1" refType="w" fact="0.5073"/>
              <dgm:constr type="t" for="ch" forName="Child1" refType="h" fact="0"/>
              <dgm:constr type="w" for="ch" forName="Child1" refType="w" fact="0.4927"/>
              <dgm:constr type="h" for="ch" forName="Child1" refType="h" fact="0.4527"/>
              <dgm:constr type="l" for="ch" forName="Child2" refType="w" fact="0.5073"/>
              <dgm:constr type="t" for="ch" forName="Child2" refType="h" fact="0.5473"/>
              <dgm:constr type="w" for="ch" forName="Child2" refType="w" fact="0.4927"/>
              <dgm:constr type="h" for="ch" forName="Child2" refType="h" fact="0.4527"/>
            </dgm:constrLst>
          </dgm:if>
          <dgm:if name="Name7" axis="ch ch" ptType="node node" st="1 1" cnt="1 0" func="cnt" op="equ" val="3">
            <dgm:alg type="composite">
              <dgm:param type="ar" val="0.8305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Accent3" refType="w" fact="0.4573"/>
              <dgm:constr type="t" for="ch" forName="Accent3" refType="h" fact="0.6145"/>
              <dgm:constr type="w" for="ch" forName="Accent3" refType="w" fact="0.2269"/>
              <dgm:constr type="h" for="ch" forName="Accent3" refType="h" fact="0.1623"/>
              <dgm:constr type="l" for="ch" forName="Accent2" refType="w" fact="0.6413"/>
              <dgm:constr type="t" for="ch" forName="Accent2" refType="h" fact="0.2719"/>
              <dgm:constr type="w" for="ch" forName="Accent2" refType="w" fact="0.2269"/>
              <dgm:constr type="h" for="ch" forName="Accent2" refType="h" fact="0.1623"/>
              <dgm:constr type="l" for="ch" forName="Accent1" refType="w" fact="0"/>
              <dgm:constr type="t" for="ch" forName="Accent1" refType="h" fact="0"/>
              <dgm:constr type="w" for="ch" forName="Accent1" refType="w" fact="0"/>
              <dgm:constr type="h" for="ch" forName="Accent1" refType="h" fact="0"/>
              <dgm:constr type="l" for="ch" forName="Child3" refType="w" fact="0.0554"/>
              <dgm:constr type="t" for="ch" forName="Child3" refType="h" fact="0.646"/>
              <dgm:constr type="w" for="ch" forName="Child3" refType="w" fact="0.4927"/>
              <dgm:constr type="h" for="ch" forName="Child3" refType="h" fact="0.354"/>
              <dgm:constr type="l" for="ch" forName="Parent" refType="w" fact="0"/>
              <dgm:constr type="t" for="ch" forName="Parent" refType="h" fact="0.1751"/>
              <dgm:constr type="w" for="ch" forName="Parent" refType="w" fact="0.6013"/>
              <dgm:constr type="h" for="ch" forName="Parent" refType="h" fact="0.4319"/>
              <dgm:constr type="l" for="ch" forName="Child1" refType="w" fact="0.5073"/>
              <dgm:constr type="t" for="ch" forName="Child1" refType="h" fact="0"/>
              <dgm:constr type="w" for="ch" forName="Child1" refType="w" fact="0.4927"/>
              <dgm:constr type="h" for="ch" forName="Child1" refType="h" fact="0.354"/>
              <dgm:constr type="l" for="ch" forName="Child2" refType="w" fact="0.5073"/>
              <dgm:constr type="t" for="ch" forName="Child2" refType="h" fact="0.428"/>
              <dgm:constr type="w" for="ch" forName="Child2" refType="w" fact="0.4927"/>
              <dgm:constr type="h" for="ch" forName="Child2" refType="h" fact="0.354"/>
            </dgm:constrLst>
          </dgm:if>
          <dgm:if name="Name8" axis="ch ch" ptType="node node" st="1 1" cnt="1 0" func="cnt" op="equ" val="4">
            <dgm:alg type="composite">
              <dgm:param type="ar" val="0.682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4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Accent4" refType="w" fact="0.4573"/>
              <dgm:constr type="t" for="ch" forName="Accent4" refType="h" fact="0.6834"/>
              <dgm:constr type="w" for="ch" forName="Accent4" refType="w" fact="0.2269"/>
              <dgm:constr type="h" for="ch" forName="Accent4" refType="h" fact="0.1333"/>
              <dgm:constr type="l" for="ch" forName="Accent3" refType="w" fact="0.6413"/>
              <dgm:constr type="t" for="ch" forName="Accent3" refType="h" fact="0.4021"/>
              <dgm:constr type="w" for="ch" forName="Accent3" refType="w" fact="0.2269"/>
              <dgm:constr type="h" for="ch" forName="Accent3" refType="h" fact="0.1333"/>
              <dgm:constr type="l" for="ch" forName="Accent2" refType="w" fact="0.3765"/>
              <dgm:constr type="t" for="ch" forName="Accent2" refType="h" fact="0.1529"/>
              <dgm:constr type="w" for="ch" forName="Accent2" refType="w" fact="0.2269"/>
              <dgm:constr type="h" for="ch" forName="Accent2" refType="h" fact="0.1333"/>
              <dgm:constr type="l" for="ch" forName="Accent1" refType="w" fact="0"/>
              <dgm:constr type="t" for="ch" forName="Accent1" refType="h" fact="0"/>
              <dgm:constr type="w" for="ch" forName="Accent1" refType="w" fact="0"/>
              <dgm:constr type="h" for="ch" forName="Accent1" refType="h" fact="0"/>
              <dgm:constr type="l" for="ch" forName="Child4" refType="w" fact="0.0554"/>
              <dgm:constr type="t" for="ch" forName="Child4" refType="h" fact="0.7093"/>
              <dgm:constr type="w" for="ch" forName="Child4" refType="w" fact="0.4927"/>
              <dgm:constr type="h" for="ch" forName="Child4" refType="h" fact="0.2907"/>
              <dgm:constr type="l" for="ch" forName="Parent" refType="w" fact="0"/>
              <dgm:constr type="t" for="ch" forName="Parent" refType="h" fact="0.3226"/>
              <dgm:constr type="w" for="ch" forName="Parent" refType="w" fact="0.6013"/>
              <dgm:constr type="h" for="ch" forName="Parent" refType="h" fact="0.3547"/>
              <dgm:constr type="l" for="ch" forName="Child2" refType="w" fact="0.5073"/>
              <dgm:constr type="t" for="ch" forName="Child2" refType="h" fact="0.1788"/>
              <dgm:constr type="w" for="ch" forName="Child2" refType="w" fact="0.4927"/>
              <dgm:constr type="h" for="ch" forName="Child2" refType="h" fact="0.2907"/>
              <dgm:constr type="l" for="ch" forName="Child3" refType="w" fact="0.5073"/>
              <dgm:constr type="t" for="ch" forName="Child3" refType="h" fact="0.5303"/>
              <dgm:constr type="w" for="ch" forName="Child3" refType="w" fact="0.4927"/>
              <dgm:constr type="h" for="ch" forName="Child3" refType="h" fact="0.2907"/>
              <dgm:constr type="l" for="ch" forName="Child1" refType="w" fact="0.0554"/>
              <dgm:constr type="t" for="ch" forName="Child1" refType="h" fact="0"/>
              <dgm:constr type="w" for="ch" forName="Child1" refType="w" fact="0.4927"/>
              <dgm:constr type="h" for="ch" forName="Child1" refType="h" fact="0.2907"/>
            </dgm:constrLst>
          </dgm:if>
          <dgm:if name="Name9" axis="ch ch" ptType="node node" st="1 1" cnt="1 0" func="cnt" op="equ" val="5">
            <dgm:alg type="composite">
              <dgm:param type="ar" val="0.9538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4" refType="primFontSz" refFor="des" refForName="Parent" op="lte"/>
              <dgm:constr type="primFontSz" for="des" forName="Child5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Accent5" refType="w" fact="0.2858"/>
              <dgm:constr type="t" for="ch" forName="Accent5" refType="h" fact="0.7126"/>
              <dgm:constr type="w" for="ch" forName="Accent5" refType="w" fact="0.1622"/>
              <dgm:constr type="h" for="ch" forName="Accent5" refType="h" fact="0.1333"/>
              <dgm:constr type="l" for="ch" forName="Accent4" refType="w" fact="0.612"/>
              <dgm:constr type="t" for="ch" forName="Accent4" refType="h" fact="0.6834"/>
              <dgm:constr type="w" for="ch" forName="Accent4" refType="w" fact="0.1622"/>
              <dgm:constr type="h" for="ch" forName="Accent4" refType="h" fact="0.1333"/>
              <dgm:constr type="l" for="ch" forName="Accent3" refType="w" fact="0.7435"/>
              <dgm:constr type="t" for="ch" forName="Accent3" refType="h" fact="0.4021"/>
              <dgm:constr type="w" for="ch" forName="Accent3" refType="w" fact="0.1622"/>
              <dgm:constr type="h" for="ch" forName="Accent3" refType="h" fact="0.1333"/>
              <dgm:constr type="l" for="ch" forName="Accent2" refType="w" fact="0.5542"/>
              <dgm:constr type="t" for="ch" forName="Accent2" refType="h" fact="0.1529"/>
              <dgm:constr type="w" for="ch" forName="Accent2" refType="w" fact="0.1622"/>
              <dgm:constr type="h" for="ch" forName="Accent2" refType="h" fact="0.1333"/>
              <dgm:constr type="l" for="ch" forName="Accent1" refType="w" fact="0"/>
              <dgm:constr type="t" for="ch" forName="Accent1" refType="h" fact="0"/>
              <dgm:constr type="w" for="ch" forName="Accent1" refType="w" fact="0"/>
              <dgm:constr type="h" for="ch" forName="Accent1" refType="h" fact="0"/>
              <dgm:constr type="l" for="ch" forName="Child4" refType="w" fact="0.3246"/>
              <dgm:constr type="t" for="ch" forName="Child4" refType="h" fact="0.7093"/>
              <dgm:constr type="w" for="ch" forName="Child4" refType="w" fact="0.3523"/>
              <dgm:constr type="h" for="ch" forName="Child4" refType="h" fact="0.2907"/>
              <dgm:constr type="l" for="ch" forName="Parent" refType="w" fact="0.285"/>
              <dgm:constr type="t" for="ch" forName="Parent" refType="h" fact="0.3226"/>
              <dgm:constr type="w" for="ch" forName="Parent" refType="w" fact="0.4299"/>
              <dgm:constr type="h" for="ch" forName="Parent" refType="h" fact="0.3547"/>
              <dgm:constr type="l" for="ch" forName="Child2" refType="w" fact="0.6477"/>
              <dgm:constr type="t" for="ch" forName="Child2" refType="h" fact="0.1788"/>
              <dgm:constr type="w" for="ch" forName="Child2" refType="w" fact="0.3523"/>
              <dgm:constr type="h" for="ch" forName="Child2" refType="h" fact="0.2907"/>
              <dgm:constr type="l" for="ch" forName="Child3" refType="w" fact="0.6477"/>
              <dgm:constr type="t" for="ch" forName="Child3" refType="h" fact="0.5303"/>
              <dgm:constr type="w" for="ch" forName="Child3" refType="w" fact="0.3523"/>
              <dgm:constr type="h" for="ch" forName="Child3" refType="h" fact="0.2907"/>
              <dgm:constr type="l" for="ch" forName="Child5" refType="w" fact="0"/>
              <dgm:constr type="t" for="ch" forName="Child5" refType="h" fact="0.5305"/>
              <dgm:constr type="w" for="ch" forName="Child5" refType="w" fact="0.3523"/>
              <dgm:constr type="h" for="ch" forName="Child5" refType="h" fact="0.2907"/>
              <dgm:constr type="l" for="ch" forName="Child1" refType="w" fact="0.3246"/>
              <dgm:constr type="t" for="ch" forName="Child1" refType="h" fact="0"/>
              <dgm:constr type="w" for="ch" forName="Child1" refType="w" fact="0.3523"/>
              <dgm:constr type="h" for="ch" forName="Child1" refType="h" fact="0.2907"/>
            </dgm:constrLst>
          </dgm:if>
          <dgm:else name="Name10">
            <dgm:alg type="composite">
              <dgm:param type="ar" val="0.9538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4" refType="primFontSz" refFor="des" refForName="Parent" op="lte"/>
              <dgm:constr type="primFontSz" for="des" forName="Child5" refType="primFontSz" refFor="des" refForName="Parent" op="lte"/>
              <dgm:constr type="primFontSz" for="des" forName="Child6" refType="primFontSz" refFor="des" refForName="Parent" op="lte"/>
              <dgm:constr type="primFontSz" for="des" forName="Child7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ptType="node" op="equ" val="65"/>
              <dgm:constr type="l" for="ch" forName="Accent6" refType="w" fact="0.0934"/>
              <dgm:constr type="t" for="ch" forName="Accent6" refType="h" fact="0.4635"/>
              <dgm:constr type="w" for="ch" forName="Accent6" refType="w" fact="0.1622"/>
              <dgm:constr type="h" for="ch" forName="Accent6" refType="h" fact="0.1333"/>
              <dgm:constr type="l" for="ch" forName="Accent5" refType="w" fact="0.2858"/>
              <dgm:constr type="t" for="ch" forName="Accent5" refType="h" fact="0.7126"/>
              <dgm:constr type="w" for="ch" forName="Accent5" refType="w" fact="0.1622"/>
              <dgm:constr type="h" for="ch" forName="Accent5" refType="h" fact="0.1333"/>
              <dgm:constr type="l" for="ch" forName="Accent4" refType="w" fact="0.612"/>
              <dgm:constr type="t" for="ch" forName="Accent4" refType="h" fact="0.6834"/>
              <dgm:constr type="w" for="ch" forName="Accent4" refType="w" fact="0.1622"/>
              <dgm:constr type="h" for="ch" forName="Accent4" refType="h" fact="0.1333"/>
              <dgm:constr type="l" for="ch" forName="Accent3" refType="w" fact="0.7435"/>
              <dgm:constr type="t" for="ch" forName="Accent3" refType="h" fact="0.4021"/>
              <dgm:constr type="w" for="ch" forName="Accent3" refType="w" fact="0.1622"/>
              <dgm:constr type="h" for="ch" forName="Accent3" refType="h" fact="0.1333"/>
              <dgm:constr type="l" for="ch" forName="Accent2" refType="w" fact="0.5542"/>
              <dgm:constr type="t" for="ch" forName="Accent2" refType="h" fact="0.1529"/>
              <dgm:constr type="w" for="ch" forName="Accent2" refType="w" fact="0.1622"/>
              <dgm:constr type="h" for="ch" forName="Accent2" refType="h" fact="0.1333"/>
              <dgm:constr type="l" for="ch" forName="Accent1" refType="w" fact="0"/>
              <dgm:constr type="t" for="ch" forName="Accent1" refType="h" fact="0"/>
              <dgm:constr type="w" for="ch" forName="Accent1" refType="w" fact="0"/>
              <dgm:constr type="h" for="ch" forName="Accent1" refType="h" fact="0"/>
              <dgm:constr type="l" for="ch" forName="Child4" refType="w" fact="0.3246"/>
              <dgm:constr type="t" for="ch" forName="Child4" refType="h" fact="0.7093"/>
              <dgm:constr type="w" for="ch" forName="Child4" refType="w" fact="0.3523"/>
              <dgm:constr type="h" for="ch" forName="Child4" refType="h" fact="0.2907"/>
              <dgm:constr type="l" for="ch" forName="Parent" refType="w" fact="0.285"/>
              <dgm:constr type="t" for="ch" forName="Parent" refType="h" fact="0.3226"/>
              <dgm:constr type="w" for="ch" forName="Parent" refType="w" fact="0.4299"/>
              <dgm:constr type="h" for="ch" forName="Parent" refType="h" fact="0.3547"/>
              <dgm:constr type="l" for="ch" forName="Child2" refType="w" fact="0.6477"/>
              <dgm:constr type="t" for="ch" forName="Child2" refType="h" fact="0.1788"/>
              <dgm:constr type="w" for="ch" forName="Child2" refType="w" fact="0.3523"/>
              <dgm:constr type="h" for="ch" forName="Child2" refType="h" fact="0.2907"/>
              <dgm:constr type="l" for="ch" forName="Child3" refType="w" fact="0.6477"/>
              <dgm:constr type="t" for="ch" forName="Child3" refType="h" fact="0.5303"/>
              <dgm:constr type="w" for="ch" forName="Child3" refType="w" fact="0.3523"/>
              <dgm:constr type="h" for="ch" forName="Child3" refType="h" fact="0.2907"/>
              <dgm:constr type="l" for="ch" forName="Child5" refType="w" fact="0"/>
              <dgm:constr type="t" for="ch" forName="Child5" refType="h" fact="0.5305"/>
              <dgm:constr type="w" for="ch" forName="Child5" refType="w" fact="0.3523"/>
              <dgm:constr type="h" for="ch" forName="Child5" refType="h" fact="0.2907"/>
              <dgm:constr type="l" for="ch" forName="Child6" refType="w" fact="0"/>
              <dgm:constr type="t" for="ch" forName="Child6" refType="h" fact="0.1784"/>
              <dgm:constr type="w" for="ch" forName="Child6" refType="w" fact="0.3523"/>
              <dgm:constr type="h" for="ch" forName="Child6" refType="h" fact="0.2907"/>
              <dgm:constr type="l" for="ch" forName="Child1" refType="w" fact="0.3246"/>
              <dgm:constr type="t" for="ch" forName="Child1" refType="h" fact="0"/>
              <dgm:constr type="w" for="ch" forName="Child1" refType="w" fact="0.3523"/>
              <dgm:constr type="h" for="ch" forName="Child1" refType="h" fact="0.2907"/>
            </dgm:constrLst>
          </dgm:else>
        </dgm:choose>
      </dgm:if>
      <dgm:else name="Name11">
        <dgm:choose name="Name12">
          <dgm:if name="Name13" axis="ch ch" ptType="node node" st="1 1" cnt="1 0" func="cnt" op="equ" val="0">
            <dgm:alg type="composite">
              <dgm:param type="ar" val="1.1561"/>
            </dgm:alg>
            <dgm:constrLst>
              <dgm:constr type="primFontSz" for="des" forName="Parent" val="65"/>
              <dgm:constr type="l" for="ch" forName="Parent" refType="w" fact="0"/>
              <dgm:constr type="t" for="ch" forName="Parent" refType="h" fact="0"/>
              <dgm:constr type="w" for="ch" forName="Parent" refType="w"/>
              <dgm:constr type="h" for="ch" forName="Parent" refType="h"/>
            </dgm:constrLst>
          </dgm:if>
          <dgm:if name="Name14" axis="ch ch" ptType="node node" st="1 1" cnt="1 0" func="cnt" op="lte" val="1">
            <dgm:alg type="composite">
              <dgm:param type="ar" val="1.368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r" for="ch" forName="Accent1" refType="w" fact="0.8315"/>
              <dgm:constr type="t" for="ch" forName="Accent1" refType="h" fact="0.2946"/>
              <dgm:constr type="w" for="ch" forName="Accent1" refType="w" fact="0.462"/>
              <dgm:constr type="h" for="ch" forName="Accent1" refType="h" fact="0.5472"/>
              <dgm:constr type="r" for="ch" forName="Parent" refType="w"/>
              <dgm:constr type="t" for="ch" forName="Parent" refType="h" fact="0.2885"/>
              <dgm:constr type="w" for="ch" forName="Parent" refType="w" fact="0.6013"/>
              <dgm:constr type="h" for="ch" forName="Parent" refType="h" fact="0.7115"/>
              <dgm:constr type="r" for="ch" forName="Child1" refType="w" fact="0.4927"/>
              <dgm:constr type="t" for="ch" forName="Child1" refType="h" fact="0"/>
              <dgm:constr type="w" for="ch" forName="Child1" refType="w" fact="0.4927"/>
              <dgm:constr type="h" for="ch" forName="Child1" refType="h" fact="0.5831"/>
            </dgm:constrLst>
          </dgm:if>
          <dgm:if name="Name15" axis="ch ch" ptType="node node" st="1 1" cnt="1 0" func="cnt" op="equ" val="2">
            <dgm:alg type="composite">
              <dgm:param type="ar" val="1.0619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2" refType="primFontSz" refFor="des" refForName="Child1" op="equ"/>
              <dgm:constr type="r" for="ch" forName="Accent2" refType="w" fact="0.3587"/>
              <dgm:constr type="t" for="ch" forName="Accent2" refType="h" fact="0.3477"/>
              <dgm:constr type="w" for="ch" forName="Accent2" refType="w" fact="0.2269"/>
              <dgm:constr type="h" for="ch" forName="Accent2" refType="h" fact="0.2076"/>
              <dgm:constr type="r" for="ch" forName="Accent1" refType="w" fact="0"/>
              <dgm:constr type="t" for="ch" forName="Accent1" refType="h" fact="0"/>
              <dgm:constr type="w" for="ch" forName="Accent1" refType="w" fact="0"/>
              <dgm:constr type="h" for="ch" forName="Accent1" refType="h" fact="0"/>
              <dgm:constr type="r" for="ch" forName="Parent" refType="w"/>
              <dgm:constr type="t" for="ch" forName="Parent" refType="h" fact="0.2239"/>
              <dgm:constr type="w" for="ch" forName="Parent" refType="w" fact="0.6013"/>
              <dgm:constr type="h" for="ch" forName="Parent" refType="h" fact="0.5523"/>
              <dgm:constr type="r" for="ch" forName="Child1" refType="w" fact="0.4927"/>
              <dgm:constr type="t" for="ch" forName="Child1" refType="h" fact="0"/>
              <dgm:constr type="w" for="ch" forName="Child1" refType="w" fact="0.4927"/>
              <dgm:constr type="h" for="ch" forName="Child1" refType="h" fact="0.4527"/>
              <dgm:constr type="r" for="ch" forName="Child2" refType="w" fact="0.5073"/>
              <dgm:constr type="t" for="ch" forName="Child2" refType="h" fact="0.5473"/>
              <dgm:constr type="w" for="ch" forName="Child2" refType="w" fact="0.4927"/>
              <dgm:constr type="h" for="ch" forName="Child2" refType="h" fact="0.4527"/>
            </dgm:constrLst>
          </dgm:if>
          <dgm:if name="Name16" axis="ch ch" ptType="node node" st="1 1" cnt="1 0" func="cnt" op="equ" val="3">
            <dgm:alg type="composite">
              <dgm:param type="ar" val="0.8305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r" for="ch" forName="Accent3" refType="w" fact="0.5427"/>
              <dgm:constr type="t" for="ch" forName="Accent3" refType="h" fact="0.6145"/>
              <dgm:constr type="w" for="ch" forName="Accent3" refType="w" fact="0.2269"/>
              <dgm:constr type="h" for="ch" forName="Accent3" refType="h" fact="0.1623"/>
              <dgm:constr type="r" for="ch" forName="Accent2" refType="w" fact="0.3587"/>
              <dgm:constr type="t" for="ch" forName="Accent2" refType="h" fact="0.2719"/>
              <dgm:constr type="w" for="ch" forName="Accent2" refType="w" fact="0.2269"/>
              <dgm:constr type="h" for="ch" forName="Accent2" refType="h" fact="0.1623"/>
              <dgm:constr type="r" for="ch" forName="Accent1" refType="w" fact="0"/>
              <dgm:constr type="t" for="ch" forName="Accent1" refType="h" fact="0"/>
              <dgm:constr type="w" for="ch" forName="Accent1" refType="w" fact="0"/>
              <dgm:constr type="h" for="ch" forName="Accent1" refType="h" fact="0"/>
              <dgm:constr type="r" for="ch" forName="Child3" refType="w" fact="0.9446"/>
              <dgm:constr type="t" for="ch" forName="Child3" refType="h" fact="0.646"/>
              <dgm:constr type="w" for="ch" forName="Child3" refType="w" fact="0.4927"/>
              <dgm:constr type="h" for="ch" forName="Child3" refType="h" fact="0.354"/>
              <dgm:constr type="r" for="ch" forName="Parent" refType="w"/>
              <dgm:constr type="t" for="ch" forName="Parent" refType="h" fact="0.1751"/>
              <dgm:constr type="w" for="ch" forName="Parent" refType="w" fact="0.6013"/>
              <dgm:constr type="h" for="ch" forName="Parent" refType="h" fact="0.4319"/>
              <dgm:constr type="r" for="ch" forName="Child1" refType="w" fact="0.4927"/>
              <dgm:constr type="t" for="ch" forName="Child1" refType="h" fact="0"/>
              <dgm:constr type="w" for="ch" forName="Child1" refType="w" fact="0.4927"/>
              <dgm:constr type="h" for="ch" forName="Child1" refType="h" fact="0.354"/>
              <dgm:constr type="r" for="ch" forName="Child2" refType="w" fact="0.4927"/>
              <dgm:constr type="t" for="ch" forName="Child2" refType="h" fact="0.428"/>
              <dgm:constr type="w" for="ch" forName="Child2" refType="w" fact="0.4927"/>
              <dgm:constr type="h" for="ch" forName="Child2" refType="h" fact="0.354"/>
            </dgm:constrLst>
          </dgm:if>
          <dgm:if name="Name17" axis="ch ch" ptType="node node" st="1 1" cnt="1 0" func="cnt" op="equ" val="4">
            <dgm:alg type="composite">
              <dgm:param type="ar" val="0.682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4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r" for="ch" forName="Accent4" refType="w" fact="0.5427"/>
              <dgm:constr type="t" for="ch" forName="Accent4" refType="h" fact="0.6834"/>
              <dgm:constr type="w" for="ch" forName="Accent4" refType="w" fact="0.2269"/>
              <dgm:constr type="h" for="ch" forName="Accent4" refType="h" fact="0.1333"/>
              <dgm:constr type="r" for="ch" forName="Accent3" refType="w" fact="0.3587"/>
              <dgm:constr type="t" for="ch" forName="Accent3" refType="h" fact="0.4021"/>
              <dgm:constr type="w" for="ch" forName="Accent3" refType="w" fact="0.2269"/>
              <dgm:constr type="h" for="ch" forName="Accent3" refType="h" fact="0.1333"/>
              <dgm:constr type="r" for="ch" forName="Accent2" refType="w" fact="0.6235"/>
              <dgm:constr type="t" for="ch" forName="Accent2" refType="h" fact="0.1529"/>
              <dgm:constr type="w" for="ch" forName="Accent2" refType="w" fact="0.2269"/>
              <dgm:constr type="h" for="ch" forName="Accent2" refType="h" fact="0.1333"/>
              <dgm:constr type="r" for="ch" forName="Accent1" refType="w" fact="0"/>
              <dgm:constr type="t" for="ch" forName="Accent1" refType="h" fact="0"/>
              <dgm:constr type="w" for="ch" forName="Accent1" refType="w" fact="0"/>
              <dgm:constr type="h" for="ch" forName="Accent1" refType="h" fact="0"/>
              <dgm:constr type="r" for="ch" forName="Child4" refType="w" fact="0.9446"/>
              <dgm:constr type="t" for="ch" forName="Child4" refType="h" fact="0.7093"/>
              <dgm:constr type="w" for="ch" forName="Child4" refType="w" fact="0.4927"/>
              <dgm:constr type="h" for="ch" forName="Child4" refType="h" fact="0.2907"/>
              <dgm:constr type="r" for="ch" forName="Parent" refType="w"/>
              <dgm:constr type="t" for="ch" forName="Parent" refType="h" fact="0.3226"/>
              <dgm:constr type="w" for="ch" forName="Parent" refType="w" fact="0.6013"/>
              <dgm:constr type="h" for="ch" forName="Parent" refType="h" fact="0.3547"/>
              <dgm:constr type="r" for="ch" forName="Child2" refType="w" fact="0.4927"/>
              <dgm:constr type="t" for="ch" forName="Child2" refType="h" fact="0.1788"/>
              <dgm:constr type="w" for="ch" forName="Child2" refType="w" fact="0.4927"/>
              <dgm:constr type="h" for="ch" forName="Child2" refType="h" fact="0.2907"/>
              <dgm:constr type="r" for="ch" forName="Child3" refType="w" fact="0.4927"/>
              <dgm:constr type="t" for="ch" forName="Child3" refType="h" fact="0.5303"/>
              <dgm:constr type="w" for="ch" forName="Child3" refType="w" fact="0.4927"/>
              <dgm:constr type="h" for="ch" forName="Child3" refType="h" fact="0.2907"/>
              <dgm:constr type="r" for="ch" forName="Child1" refType="w" fact="0.9446"/>
              <dgm:constr type="t" for="ch" forName="Child1" refType="h" fact="0"/>
              <dgm:constr type="w" for="ch" forName="Child1" refType="w" fact="0.4927"/>
              <dgm:constr type="h" for="ch" forName="Child1" refType="h" fact="0.2907"/>
            </dgm:constrLst>
          </dgm:if>
          <dgm:if name="Name18" axis="ch ch" ptType="node node" st="1 1" cnt="1 0" func="cnt" op="equ" val="5">
            <dgm:alg type="composite">
              <dgm:param type="ar" val="0.9538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4" refType="primFontSz" refFor="des" refForName="Parent" op="lte"/>
              <dgm:constr type="primFontSz" for="des" forName="Child5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r" for="ch" forName="Accent5" refType="w" fact="0.7142"/>
              <dgm:constr type="t" for="ch" forName="Accent5" refType="h" fact="0.7126"/>
              <dgm:constr type="w" for="ch" forName="Accent5" refType="w" fact="0.1622"/>
              <dgm:constr type="h" for="ch" forName="Accent5" refType="h" fact="0.1333"/>
              <dgm:constr type="r" for="ch" forName="Accent4" refType="w" fact="0.388"/>
              <dgm:constr type="t" for="ch" forName="Accent4" refType="h" fact="0.6834"/>
              <dgm:constr type="w" for="ch" forName="Accent4" refType="w" fact="0.1622"/>
              <dgm:constr type="h" for="ch" forName="Accent4" refType="h" fact="0.1333"/>
              <dgm:constr type="r" for="ch" forName="Accent3" refType="w" fact="0.2565"/>
              <dgm:constr type="t" for="ch" forName="Accent3" refType="h" fact="0.4021"/>
              <dgm:constr type="w" for="ch" forName="Accent3" refType="w" fact="0.1622"/>
              <dgm:constr type="h" for="ch" forName="Accent3" refType="h" fact="0.1333"/>
              <dgm:constr type="r" for="ch" forName="Accent2" refType="w" fact="0.4458"/>
              <dgm:constr type="t" for="ch" forName="Accent2" refType="h" fact="0.1529"/>
              <dgm:constr type="w" for="ch" forName="Accent2" refType="w" fact="0.1622"/>
              <dgm:constr type="h" for="ch" forName="Accent2" refType="h" fact="0.1333"/>
              <dgm:constr type="r" for="ch" forName="Accent1" refType="w" fact="0"/>
              <dgm:constr type="t" for="ch" forName="Accent1" refType="h" fact="0"/>
              <dgm:constr type="w" for="ch" forName="Accent1" refType="w" fact="0"/>
              <dgm:constr type="h" for="ch" forName="Accent1" refType="h" fact="0"/>
              <dgm:constr type="r" for="ch" forName="Child4" refType="w" fact="0.6754"/>
              <dgm:constr type="t" for="ch" forName="Child4" refType="h" fact="0.7093"/>
              <dgm:constr type="w" for="ch" forName="Child4" refType="w" fact="0.3523"/>
              <dgm:constr type="h" for="ch" forName="Child4" refType="h" fact="0.2907"/>
              <dgm:constr type="r" for="ch" forName="Parent" refType="w" fact="0.715"/>
              <dgm:constr type="t" for="ch" forName="Parent" refType="h" fact="0.3226"/>
              <dgm:constr type="w" for="ch" forName="Parent" refType="w" fact="0.4299"/>
              <dgm:constr type="h" for="ch" forName="Parent" refType="h" fact="0.3547"/>
              <dgm:constr type="r" for="ch" forName="Child2" refType="w" fact="0.3523"/>
              <dgm:constr type="t" for="ch" forName="Child2" refType="h" fact="0.1788"/>
              <dgm:constr type="w" for="ch" forName="Child2" refType="w" fact="0.3523"/>
              <dgm:constr type="h" for="ch" forName="Child2" refType="h" fact="0.2907"/>
              <dgm:constr type="r" for="ch" forName="Child3" refType="w" fact="0.3523"/>
              <dgm:constr type="t" for="ch" forName="Child3" refType="h" fact="0.5303"/>
              <dgm:constr type="w" for="ch" forName="Child3" refType="w" fact="0.3523"/>
              <dgm:constr type="h" for="ch" forName="Child3" refType="h" fact="0.2907"/>
              <dgm:constr type="r" for="ch" forName="Child5" refType="w"/>
              <dgm:constr type="t" for="ch" forName="Child5" refType="h" fact="0.5305"/>
              <dgm:constr type="w" for="ch" forName="Child5" refType="w" fact="0.3523"/>
              <dgm:constr type="h" for="ch" forName="Child5" refType="h" fact="0.2907"/>
              <dgm:constr type="r" for="ch" forName="Child1" refType="w" fact="0.6754"/>
              <dgm:constr type="t" for="ch" forName="Child1" refType="h" fact="0"/>
              <dgm:constr type="w" for="ch" forName="Child1" refType="w" fact="0.3523"/>
              <dgm:constr type="h" for="ch" forName="Child1" refType="h" fact="0.2907"/>
            </dgm:constrLst>
          </dgm:if>
          <dgm:else name="Name19">
            <dgm:alg type="composite">
              <dgm:param type="ar" val="0.9538"/>
            </dgm:alg>
            <dgm:constrLst>
              <dgm:constr type="primFontSz" for="des" forName="Parent" val="65"/>
              <dgm:constr type="primFontSz" for="des" forName="Child1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4" refType="primFontSz" refFor="des" refForName="Parent" op="lte"/>
              <dgm:constr type="primFontSz" for="des" forName="Child5" refType="primFontSz" refFor="des" refForName="Parent" op="lte"/>
              <dgm:constr type="primFontSz" for="des" forName="Child6" refType="primFontSz" refFor="des" refForName="Parent" op="lte"/>
              <dgm:constr type="primFontSz" for="des" forName="Child7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ptType="node" op="equ" val="65"/>
              <dgm:constr type="r" for="ch" forName="Accent6" refType="w" fact="0.9066"/>
              <dgm:constr type="t" for="ch" forName="Accent6" refType="h" fact="0.4635"/>
              <dgm:constr type="w" for="ch" forName="Accent6" refType="w" fact="0.1622"/>
              <dgm:constr type="h" for="ch" forName="Accent6" refType="h" fact="0.1333"/>
              <dgm:constr type="r" for="ch" forName="Accent5" refType="w" fact="0.7142"/>
              <dgm:constr type="t" for="ch" forName="Accent5" refType="h" fact="0.7126"/>
              <dgm:constr type="w" for="ch" forName="Accent5" refType="w" fact="0.1622"/>
              <dgm:constr type="h" for="ch" forName="Accent5" refType="h" fact="0.1333"/>
              <dgm:constr type="r" for="ch" forName="Accent4" refType="w" fact="0.388"/>
              <dgm:constr type="t" for="ch" forName="Accent4" refType="h" fact="0.6834"/>
              <dgm:constr type="w" for="ch" forName="Accent4" refType="w" fact="0.1622"/>
              <dgm:constr type="h" for="ch" forName="Accent4" refType="h" fact="0.1333"/>
              <dgm:constr type="r" for="ch" forName="Accent3" refType="w" fact="0.2565"/>
              <dgm:constr type="t" for="ch" forName="Accent3" refType="h" fact="0.4021"/>
              <dgm:constr type="w" for="ch" forName="Accent3" refType="w" fact="0.1622"/>
              <dgm:constr type="h" for="ch" forName="Accent3" refType="h" fact="0.1333"/>
              <dgm:constr type="r" for="ch" forName="Accent2" refType="w" fact="0.4458"/>
              <dgm:constr type="t" for="ch" forName="Accent2" refType="h" fact="0.1529"/>
              <dgm:constr type="w" for="ch" forName="Accent2" refType="w" fact="0.1622"/>
              <dgm:constr type="h" for="ch" forName="Accent2" refType="h" fact="0.1333"/>
              <dgm:constr type="r" for="ch" forName="Accent1" refType="w" fact="0"/>
              <dgm:constr type="t" for="ch" forName="Accent1" refType="h" fact="0"/>
              <dgm:constr type="w" for="ch" forName="Accent1" refType="w" fact="0"/>
              <dgm:constr type="h" for="ch" forName="Accent1" refType="h" fact="0"/>
              <dgm:constr type="r" for="ch" forName="Child4" refType="w" fact="0.6754"/>
              <dgm:constr type="t" for="ch" forName="Child4" refType="h" fact="0.7093"/>
              <dgm:constr type="w" for="ch" forName="Child4" refType="w" fact="0.3523"/>
              <dgm:constr type="h" for="ch" forName="Child4" refType="h" fact="0.2907"/>
              <dgm:constr type="r" for="ch" forName="Parent" refType="w" fact="0.715"/>
              <dgm:constr type="t" for="ch" forName="Parent" refType="h" fact="0.3226"/>
              <dgm:constr type="w" for="ch" forName="Parent" refType="w" fact="0.4299"/>
              <dgm:constr type="h" for="ch" forName="Parent" refType="h" fact="0.3547"/>
              <dgm:constr type="r" for="ch" forName="Child2" refType="w" fact="0.3523"/>
              <dgm:constr type="t" for="ch" forName="Child2" refType="h" fact="0.1788"/>
              <dgm:constr type="w" for="ch" forName="Child2" refType="w" fact="0.3523"/>
              <dgm:constr type="h" for="ch" forName="Child2" refType="h" fact="0.2907"/>
              <dgm:constr type="r" for="ch" forName="Child3" refType="w" fact="0.3523"/>
              <dgm:constr type="t" for="ch" forName="Child3" refType="h" fact="0.5303"/>
              <dgm:constr type="w" for="ch" forName="Child3" refType="w" fact="0.3523"/>
              <dgm:constr type="h" for="ch" forName="Child3" refType="h" fact="0.2907"/>
              <dgm:constr type="r" for="ch" forName="Child5" refType="w"/>
              <dgm:constr type="t" for="ch" forName="Child5" refType="h" fact="0.5305"/>
              <dgm:constr type="w" for="ch" forName="Child5" refType="w" fact="0.3523"/>
              <dgm:constr type="h" for="ch" forName="Child5" refType="h" fact="0.2907"/>
              <dgm:constr type="r" for="ch" forName="Child6" refType="w"/>
              <dgm:constr type="t" for="ch" forName="Child6" refType="h" fact="0.1784"/>
              <dgm:constr type="w" for="ch" forName="Child6" refType="w" fact="0.3523"/>
              <dgm:constr type="h" for="ch" forName="Child6" refType="h" fact="0.2907"/>
              <dgm:constr type="r" for="ch" forName="Child1" refType="w" fact="0.6754"/>
              <dgm:constr type="t" for="ch" forName="Child1" refType="h" fact="0"/>
              <dgm:constr type="w" for="ch" forName="Child1" refType="w" fact="0.3523"/>
              <dgm:constr type="h" for="ch" forName="Child1" refType="h" fact="0.2907"/>
            </dgm:constrLst>
          </dgm:else>
        </dgm:choose>
      </dgm:else>
    </dgm:choose>
    <dgm:forEach name="wrapper" axis="self" ptType="parTrans">
      <dgm:forEach name="accentRepeat" axis="self">
        <dgm:layoutNode name="Accent" styleLbl="bgShp">
          <dgm:alg type="sp"/>
          <dgm:shape xmlns:r="http://schemas.openxmlformats.org/officeDocument/2006/relationships" type="hexagon" r:blip="" zOrderOff="-2">
            <dgm:adjLst>
              <dgm:adj idx="1" val="0.289"/>
              <dgm:adj idx="2" val="1.1547"/>
            </dgm:adjLst>
          </dgm:shape>
          <dgm:presOf/>
        </dgm:layoutNode>
      </dgm:forEach>
    </dgm:forEach>
    <dgm:forEach name="Name20" axis="ch" ptType="node" cnt="1">
      <dgm:layoutNode name="Parent" styleLbl="node0">
        <dgm:varLst>
          <dgm:chMax val="6"/>
          <dgm:chPref val="6"/>
        </dgm:varLst>
        <dgm:alg type="tx"/>
        <dgm:shape xmlns:r="http://schemas.openxmlformats.org/officeDocument/2006/relationships" type="hexagon" r:blip="">
          <dgm:adjLst>
            <dgm:adj idx="1" val="0.2857"/>
            <dgm:adj idx="2" val="1.1547"/>
          </dgm:adjLst>
        </dgm:shape>
        <dgm:presOf axis="self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21" axis="ch ch" ptType="node node" st="1 1" cnt="1 1">
      <dgm:layoutNode name="Accent1">
        <dgm:alg type="sp"/>
        <dgm:shape xmlns:r="http://schemas.openxmlformats.org/officeDocument/2006/relationships" r:blip="" zOrderOff="-2">
          <dgm:adjLst/>
        </dgm:shape>
        <dgm:presOf/>
        <dgm:constrLst/>
        <dgm:forEach name="Name22" ref="accentRepeat"/>
      </dgm:layoutNode>
      <dgm:layoutNode name="Child1" styleLbl="node1">
        <dgm:varLst>
          <dgm:chMax val="0"/>
          <dgm:chPref val="0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hexagon" r:blip="">
          <dgm:adjLst>
            <dgm:adj idx="1" val="0.2857"/>
            <dgm:adj idx="2" val="1.1547"/>
          </dgm:adjLst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23" axis="ch ch" ptType="node node" st="1 2" cnt="1 1">
      <dgm:layoutNode name="Accent2">
        <dgm:alg type="sp"/>
        <dgm:shape xmlns:r="http://schemas.openxmlformats.org/officeDocument/2006/relationships" r:blip="" zOrderOff="-2">
          <dgm:adjLst/>
        </dgm:shape>
        <dgm:presOf/>
        <dgm:constrLst/>
        <dgm:forEach name="Name24" ref="accentRepeat"/>
      </dgm:layoutNode>
      <dgm:layoutNode name="Child2" styleLbl="node1">
        <dgm:varLst>
          <dgm:chMax val="0"/>
          <dgm:chPref val="0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hexagon" r:blip="">
          <dgm:adjLst>
            <dgm:adj idx="1" val="0.2857"/>
            <dgm:adj idx="2" val="1.1547"/>
          </dgm:adjLst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25" axis="ch ch" ptType="node node" st="1 3" cnt="1 1">
      <dgm:layoutNode name="Accent3">
        <dgm:alg type="sp"/>
        <dgm:shape xmlns:r="http://schemas.openxmlformats.org/officeDocument/2006/relationships" r:blip="" zOrderOff="-2">
          <dgm:adjLst/>
        </dgm:shape>
        <dgm:presOf/>
        <dgm:constrLst/>
        <dgm:forEach name="Name26" ref="accentRepeat"/>
      </dgm:layoutNode>
      <dgm:layoutNode name="Child3" styleLbl="node1">
        <dgm:varLst>
          <dgm:chMax val="0"/>
          <dgm:chPref val="0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hexagon" r:blip="">
          <dgm:adjLst>
            <dgm:adj idx="1" val="0.2857"/>
            <dgm:adj idx="2" val="1.1547"/>
          </dgm:adjLst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27" axis="ch ch" ptType="node node" st="1 4" cnt="1 1">
      <dgm:layoutNode name="Accent4">
        <dgm:alg type="sp"/>
        <dgm:shape xmlns:r="http://schemas.openxmlformats.org/officeDocument/2006/relationships" r:blip="">
          <dgm:adjLst/>
        </dgm:shape>
        <dgm:presOf/>
        <dgm:constrLst/>
        <dgm:forEach name="Name28" ref="accentRepeat"/>
      </dgm:layoutNode>
      <dgm:layoutNode name="Child4" styleLbl="node1">
        <dgm:varLst>
          <dgm:chMax val="0"/>
          <dgm:chPref val="0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hexagon" r:blip="">
          <dgm:adjLst>
            <dgm:adj idx="1" val="0.2857"/>
            <dgm:adj idx="2" val="1.1547"/>
          </dgm:adjLst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29" axis="ch ch" ptType="node node" st="1 5" cnt="1 1">
      <dgm:layoutNode name="Accent5">
        <dgm:alg type="sp"/>
        <dgm:shape xmlns:r="http://schemas.openxmlformats.org/officeDocument/2006/relationships" r:blip="">
          <dgm:adjLst/>
        </dgm:shape>
        <dgm:presOf/>
        <dgm:constrLst/>
        <dgm:forEach name="Name30" ref="accentRepeat"/>
      </dgm:layoutNode>
      <dgm:layoutNode name="Child5" styleLbl="node1">
        <dgm:varLst>
          <dgm:chMax val="0"/>
          <dgm:chPref val="0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hexagon" r:blip="">
          <dgm:adjLst>
            <dgm:adj idx="1" val="0.2857"/>
            <dgm:adj idx="2" val="1.1547"/>
          </dgm:adjLst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31" axis="ch ch" ptType="node node" st="1 6" cnt="1 1">
      <dgm:layoutNode name="Accent6">
        <dgm:alg type="sp"/>
        <dgm:shape xmlns:r="http://schemas.openxmlformats.org/officeDocument/2006/relationships" r:blip="">
          <dgm:adjLst/>
        </dgm:shape>
        <dgm:presOf/>
        <dgm:constrLst/>
        <dgm:forEach name="Name32" ref="accentRepeat"/>
      </dgm:layoutNode>
      <dgm:layoutNode name="Child6" styleLbl="node1">
        <dgm:varLst>
          <dgm:chMax val="0"/>
          <dgm:chPref val="0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hexagon" r:blip="">
          <dgm:adjLst>
            <dgm:adj idx="1" val="0.2857"/>
            <dgm:adj idx="2" val="1.1547"/>
          </dgm:adjLst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39BB416-8721-4503-9131-491B43A9464A}" type="datetimeFigureOut">
              <a:rPr lang="en-US" smtClean="0"/>
              <a:t>10/14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9294FB3-78D6-43FD-A91A-6BF4A3734BA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0254346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200" marR="0" lvl="0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ES"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hf hdr="0" ftr="0" dt="0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1" name="Google Shape;341;p4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42" name="Google Shape;342;p4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2" name="Google Shape;312;p1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13" name="Google Shape;313;p1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7" name="Google Shape;347;p5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48" name="Google Shape;348;p5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5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4" name="Google Shape;354;p6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55" name="Google Shape;355;p6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7" name="Google Shape;417;p12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418" name="Google Shape;418;p12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IG TITLE OPENING">
  <p:cSld name="Diapositiva de título"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Google Shape;16;p2"/>
          <p:cNvSpPr/>
          <p:nvPr/>
        </p:nvSpPr>
        <p:spPr>
          <a:xfrm flipH="1">
            <a:off x="645900" y="1217100"/>
            <a:ext cx="7260900" cy="2717100"/>
          </a:xfrm>
          <a:prstGeom prst="rect">
            <a:avLst/>
          </a:prstGeom>
          <a:noFill/>
          <a:ln w="2857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7" name="Google Shape;17;p2"/>
          <p:cNvSpPr/>
          <p:nvPr/>
        </p:nvSpPr>
        <p:spPr>
          <a:xfrm>
            <a:off x="0" y="1299294"/>
            <a:ext cx="2964712" cy="3316107"/>
          </a:xfrm>
          <a:custGeom>
            <a:avLst/>
            <a:gdLst/>
            <a:ahLst/>
            <a:cxnLst/>
            <a:rect l="l" t="t" r="r" b="b"/>
            <a:pathLst>
              <a:path w="51204" h="57273" extrusionOk="0">
                <a:moveTo>
                  <a:pt x="8598" y="1"/>
                </a:moveTo>
                <a:lnTo>
                  <a:pt x="0" y="21597"/>
                </a:lnTo>
                <a:lnTo>
                  <a:pt x="11012" y="45939"/>
                </a:lnTo>
                <a:cubicBezTo>
                  <a:pt x="11012" y="45939"/>
                  <a:pt x="26937" y="57273"/>
                  <a:pt x="34889" y="57273"/>
                </a:cubicBezTo>
                <a:cubicBezTo>
                  <a:pt x="35092" y="57273"/>
                  <a:pt x="35289" y="57265"/>
                  <a:pt x="35482" y="57250"/>
                </a:cubicBezTo>
                <a:cubicBezTo>
                  <a:pt x="43193" y="56631"/>
                  <a:pt x="51204" y="42938"/>
                  <a:pt x="45960" y="35023"/>
                </a:cubicBezTo>
                <a:cubicBezTo>
                  <a:pt x="44317" y="32544"/>
                  <a:pt x="41903" y="31781"/>
                  <a:pt x="39361" y="31781"/>
                </a:cubicBezTo>
                <a:cubicBezTo>
                  <a:pt x="35279" y="31781"/>
                  <a:pt x="30867" y="33751"/>
                  <a:pt x="28798" y="33751"/>
                </a:cubicBezTo>
                <a:cubicBezTo>
                  <a:pt x="28042" y="33751"/>
                  <a:pt x="27599" y="33488"/>
                  <a:pt x="27599" y="32770"/>
                </a:cubicBezTo>
                <a:cubicBezTo>
                  <a:pt x="27599" y="28871"/>
                  <a:pt x="38515" y="24994"/>
                  <a:pt x="36753" y="15007"/>
                </a:cubicBezTo>
                <a:cubicBezTo>
                  <a:pt x="34446" y="1976"/>
                  <a:pt x="8598" y="1"/>
                  <a:pt x="8598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4287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8" name="Google Shape;18;p2"/>
          <p:cNvSpPr/>
          <p:nvPr/>
        </p:nvSpPr>
        <p:spPr>
          <a:xfrm>
            <a:off x="62475" y="1807662"/>
            <a:ext cx="3358026" cy="3335793"/>
          </a:xfrm>
          <a:custGeom>
            <a:avLst/>
            <a:gdLst/>
            <a:ahLst/>
            <a:cxnLst/>
            <a:rect l="l" t="t" r="r" b="b"/>
            <a:pathLst>
              <a:path w="57997" h="57613" extrusionOk="0">
                <a:moveTo>
                  <a:pt x="10584" y="0"/>
                </a:moveTo>
                <a:cubicBezTo>
                  <a:pt x="10895" y="4689"/>
                  <a:pt x="14494" y="9998"/>
                  <a:pt x="14195" y="14643"/>
                </a:cubicBezTo>
                <a:cubicBezTo>
                  <a:pt x="13746" y="21597"/>
                  <a:pt x="0" y="20197"/>
                  <a:pt x="321" y="27759"/>
                </a:cubicBezTo>
                <a:cubicBezTo>
                  <a:pt x="641" y="35322"/>
                  <a:pt x="14771" y="31082"/>
                  <a:pt x="13458" y="42873"/>
                </a:cubicBezTo>
                <a:cubicBezTo>
                  <a:pt x="12470" y="51745"/>
                  <a:pt x="16227" y="55433"/>
                  <a:pt x="21239" y="55433"/>
                </a:cubicBezTo>
                <a:cubicBezTo>
                  <a:pt x="22894" y="55433"/>
                  <a:pt x="24686" y="55031"/>
                  <a:pt x="26489" y="54280"/>
                </a:cubicBezTo>
                <a:cubicBezTo>
                  <a:pt x="30728" y="52514"/>
                  <a:pt x="35329" y="51271"/>
                  <a:pt x="39235" y="51271"/>
                </a:cubicBezTo>
                <a:cubicBezTo>
                  <a:pt x="43832" y="51271"/>
                  <a:pt x="47464" y="52993"/>
                  <a:pt x="48406" y="57613"/>
                </a:cubicBezTo>
                <a:lnTo>
                  <a:pt x="57997" y="57613"/>
                </a:lnTo>
                <a:cubicBezTo>
                  <a:pt x="52464" y="53276"/>
                  <a:pt x="55412" y="45767"/>
                  <a:pt x="51001" y="41858"/>
                </a:cubicBezTo>
                <a:cubicBezTo>
                  <a:pt x="49295" y="40343"/>
                  <a:pt x="47314" y="39797"/>
                  <a:pt x="45253" y="39797"/>
                </a:cubicBezTo>
                <a:cubicBezTo>
                  <a:pt x="39952" y="39797"/>
                  <a:pt x="34117" y="43403"/>
                  <a:pt x="31068" y="43403"/>
                </a:cubicBezTo>
                <a:cubicBezTo>
                  <a:pt x="30230" y="43403"/>
                  <a:pt x="29602" y="43131"/>
                  <a:pt x="29254" y="42435"/>
                </a:cubicBezTo>
                <a:cubicBezTo>
                  <a:pt x="27151" y="38227"/>
                  <a:pt x="30921" y="35204"/>
                  <a:pt x="26659" y="32620"/>
                </a:cubicBezTo>
                <a:cubicBezTo>
                  <a:pt x="25858" y="32128"/>
                  <a:pt x="24555" y="31957"/>
                  <a:pt x="23071" y="31829"/>
                </a:cubicBezTo>
                <a:cubicBezTo>
                  <a:pt x="20411" y="31583"/>
                  <a:pt x="17741" y="31573"/>
                  <a:pt x="19354" y="27759"/>
                </a:cubicBezTo>
                <a:cubicBezTo>
                  <a:pt x="21191" y="23423"/>
                  <a:pt x="29992" y="20091"/>
                  <a:pt x="25784" y="11204"/>
                </a:cubicBezTo>
                <a:cubicBezTo>
                  <a:pt x="23199" y="5757"/>
                  <a:pt x="15872" y="2051"/>
                  <a:pt x="10584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4287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" name="Google Shape;19;p2"/>
          <p:cNvSpPr/>
          <p:nvPr/>
        </p:nvSpPr>
        <p:spPr>
          <a:xfrm>
            <a:off x="7593150" y="1295108"/>
            <a:ext cx="1550864" cy="3792135"/>
          </a:xfrm>
          <a:custGeom>
            <a:avLst/>
            <a:gdLst/>
            <a:ahLst/>
            <a:cxnLst/>
            <a:rect l="l" t="t" r="r" b="b"/>
            <a:pathLst>
              <a:path w="21587" h="52784" extrusionOk="0">
                <a:moveTo>
                  <a:pt x="14180" y="0"/>
                </a:moveTo>
                <a:cubicBezTo>
                  <a:pt x="13936" y="0"/>
                  <a:pt x="13684" y="8"/>
                  <a:pt x="13426" y="24"/>
                </a:cubicBezTo>
                <a:cubicBezTo>
                  <a:pt x="13191" y="1124"/>
                  <a:pt x="12924" y="2181"/>
                  <a:pt x="12593" y="3121"/>
                </a:cubicBezTo>
                <a:cubicBezTo>
                  <a:pt x="9325" y="12542"/>
                  <a:pt x="1207" y="11356"/>
                  <a:pt x="588" y="16013"/>
                </a:cubicBezTo>
                <a:cubicBezTo>
                  <a:pt x="0" y="20424"/>
                  <a:pt x="5907" y="19901"/>
                  <a:pt x="6954" y="24397"/>
                </a:cubicBezTo>
                <a:cubicBezTo>
                  <a:pt x="8342" y="30347"/>
                  <a:pt x="961" y="32547"/>
                  <a:pt x="3888" y="43591"/>
                </a:cubicBezTo>
                <a:cubicBezTo>
                  <a:pt x="6046" y="51713"/>
                  <a:pt x="15827" y="52784"/>
                  <a:pt x="20874" y="52784"/>
                </a:cubicBezTo>
                <a:cubicBezTo>
                  <a:pt x="21124" y="52784"/>
                  <a:pt x="21362" y="52781"/>
                  <a:pt x="21586" y="52777"/>
                </a:cubicBezTo>
                <a:lnTo>
                  <a:pt x="21586" y="42106"/>
                </a:lnTo>
                <a:cubicBezTo>
                  <a:pt x="17132" y="40782"/>
                  <a:pt x="13479" y="37353"/>
                  <a:pt x="12508" y="30347"/>
                </a:cubicBezTo>
                <a:cubicBezTo>
                  <a:pt x="11546" y="23436"/>
                  <a:pt x="16246" y="14988"/>
                  <a:pt x="18275" y="8077"/>
                </a:cubicBezTo>
                <a:cubicBezTo>
                  <a:pt x="19140" y="5119"/>
                  <a:pt x="18980" y="1872"/>
                  <a:pt x="17165" y="664"/>
                </a:cubicBezTo>
                <a:cubicBezTo>
                  <a:pt x="16485" y="209"/>
                  <a:pt x="15432" y="0"/>
                  <a:pt x="14180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42875" dist="19050" dir="99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" name="Google Shape;20;p2"/>
          <p:cNvSpPr/>
          <p:nvPr/>
        </p:nvSpPr>
        <p:spPr>
          <a:xfrm>
            <a:off x="0" y="0"/>
            <a:ext cx="2956721" cy="5143431"/>
          </a:xfrm>
          <a:custGeom>
            <a:avLst/>
            <a:gdLst/>
            <a:ahLst/>
            <a:cxnLst/>
            <a:rect l="l" t="t" r="r" b="b"/>
            <a:pathLst>
              <a:path w="51066" h="88833" extrusionOk="0">
                <a:moveTo>
                  <a:pt x="0" y="0"/>
                </a:moveTo>
                <a:lnTo>
                  <a:pt x="0" y="88833"/>
                </a:lnTo>
                <a:lnTo>
                  <a:pt x="49485" y="88833"/>
                </a:lnTo>
                <a:cubicBezTo>
                  <a:pt x="48543" y="84213"/>
                  <a:pt x="44911" y="82491"/>
                  <a:pt x="40314" y="82491"/>
                </a:cubicBezTo>
                <a:cubicBezTo>
                  <a:pt x="36408" y="82491"/>
                  <a:pt x="31807" y="83734"/>
                  <a:pt x="27568" y="85500"/>
                </a:cubicBezTo>
                <a:cubicBezTo>
                  <a:pt x="25765" y="86251"/>
                  <a:pt x="23973" y="86653"/>
                  <a:pt x="22318" y="86653"/>
                </a:cubicBezTo>
                <a:cubicBezTo>
                  <a:pt x="17306" y="86653"/>
                  <a:pt x="13549" y="82965"/>
                  <a:pt x="14537" y="74093"/>
                </a:cubicBezTo>
                <a:cubicBezTo>
                  <a:pt x="15850" y="62302"/>
                  <a:pt x="1720" y="66542"/>
                  <a:pt x="1400" y="58979"/>
                </a:cubicBezTo>
                <a:cubicBezTo>
                  <a:pt x="1079" y="51417"/>
                  <a:pt x="14825" y="52817"/>
                  <a:pt x="15274" y="45863"/>
                </a:cubicBezTo>
                <a:cubicBezTo>
                  <a:pt x="15722" y="38900"/>
                  <a:pt x="7424" y="30494"/>
                  <a:pt x="14537" y="24822"/>
                </a:cubicBezTo>
                <a:cubicBezTo>
                  <a:pt x="17520" y="22447"/>
                  <a:pt x="21645" y="22322"/>
                  <a:pt x="26088" y="22322"/>
                </a:cubicBezTo>
                <a:cubicBezTo>
                  <a:pt x="26612" y="22322"/>
                  <a:pt x="27140" y="22324"/>
                  <a:pt x="27671" y="22324"/>
                </a:cubicBezTo>
                <a:cubicBezTo>
                  <a:pt x="33394" y="22324"/>
                  <a:pt x="39475" y="22122"/>
                  <a:pt x="44230" y="17367"/>
                </a:cubicBezTo>
                <a:cubicBezTo>
                  <a:pt x="49046" y="12550"/>
                  <a:pt x="50724" y="5960"/>
                  <a:pt x="51065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4287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" name="Google Shape;21;p2"/>
          <p:cNvSpPr/>
          <p:nvPr/>
        </p:nvSpPr>
        <p:spPr>
          <a:xfrm>
            <a:off x="6550351" y="0"/>
            <a:ext cx="2593658" cy="4320177"/>
          </a:xfrm>
          <a:custGeom>
            <a:avLst/>
            <a:gdLst/>
            <a:ahLst/>
            <a:cxnLst/>
            <a:rect l="l" t="t" r="r" b="b"/>
            <a:pathLst>
              <a:path w="36102" h="60134" extrusionOk="0">
                <a:moveTo>
                  <a:pt x="0" y="0"/>
                </a:moveTo>
                <a:cubicBezTo>
                  <a:pt x="566" y="2233"/>
                  <a:pt x="2585" y="6804"/>
                  <a:pt x="9634" y="7103"/>
                </a:cubicBezTo>
                <a:cubicBezTo>
                  <a:pt x="9780" y="7109"/>
                  <a:pt x="9926" y="7112"/>
                  <a:pt x="10073" y="7112"/>
                </a:cubicBezTo>
                <a:cubicBezTo>
                  <a:pt x="15462" y="7112"/>
                  <a:pt x="22105" y="3128"/>
                  <a:pt x="25894" y="3128"/>
                </a:cubicBezTo>
                <a:cubicBezTo>
                  <a:pt x="27071" y="3128"/>
                  <a:pt x="27972" y="3512"/>
                  <a:pt x="28475" y="4518"/>
                </a:cubicBezTo>
                <a:cubicBezTo>
                  <a:pt x="29565" y="6686"/>
                  <a:pt x="27738" y="12133"/>
                  <a:pt x="20389" y="16085"/>
                </a:cubicBezTo>
                <a:cubicBezTo>
                  <a:pt x="12785" y="20176"/>
                  <a:pt x="7466" y="20561"/>
                  <a:pt x="6996" y="23808"/>
                </a:cubicBezTo>
                <a:cubicBezTo>
                  <a:pt x="6700" y="25856"/>
                  <a:pt x="8069" y="27061"/>
                  <a:pt x="9838" y="27061"/>
                </a:cubicBezTo>
                <a:cubicBezTo>
                  <a:pt x="11002" y="27061"/>
                  <a:pt x="12340" y="26538"/>
                  <a:pt x="13490" y="25389"/>
                </a:cubicBezTo>
                <a:cubicBezTo>
                  <a:pt x="15092" y="23787"/>
                  <a:pt x="17036" y="21938"/>
                  <a:pt x="19482" y="20571"/>
                </a:cubicBezTo>
                <a:cubicBezTo>
                  <a:pt x="22293" y="19013"/>
                  <a:pt x="25960" y="18031"/>
                  <a:pt x="28689" y="18031"/>
                </a:cubicBezTo>
                <a:cubicBezTo>
                  <a:pt x="29942" y="18031"/>
                  <a:pt x="30997" y="18238"/>
                  <a:pt x="31680" y="18691"/>
                </a:cubicBezTo>
                <a:cubicBezTo>
                  <a:pt x="33495" y="19899"/>
                  <a:pt x="33655" y="23146"/>
                  <a:pt x="32790" y="26104"/>
                </a:cubicBezTo>
                <a:cubicBezTo>
                  <a:pt x="30761" y="33015"/>
                  <a:pt x="26061" y="41463"/>
                  <a:pt x="27023" y="48374"/>
                </a:cubicBezTo>
                <a:cubicBezTo>
                  <a:pt x="27994" y="55380"/>
                  <a:pt x="31647" y="58809"/>
                  <a:pt x="36101" y="60133"/>
                </a:cubicBezTo>
                <a:lnTo>
                  <a:pt x="36101" y="0"/>
                </a:ln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42875" dist="19050" dir="99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" name="Google Shape;22;p2"/>
          <p:cNvSpPr txBox="1">
            <a:spLocks noGrp="1"/>
          </p:cNvSpPr>
          <p:nvPr>
            <p:ph type="ctrTitle"/>
          </p:nvPr>
        </p:nvSpPr>
        <p:spPr>
          <a:xfrm>
            <a:off x="1232914" y="1646636"/>
            <a:ext cx="6634500" cy="1241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b" anchorCtr="0">
            <a:noAutofit/>
          </a:bodyPr>
          <a:lstStyle>
            <a:lvl1pPr lvl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7200"/>
              <a:buNone/>
              <a:defRPr sz="7200" b="0">
                <a:solidFill>
                  <a:srgbClr val="FFFFFF"/>
                </a:solidFill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SzPts val="7200"/>
              <a:buNone/>
              <a:defRPr sz="7200"/>
            </a:lvl2pPr>
            <a:lvl3pPr lvl="2" algn="ctr" rtl="0">
              <a:spcBef>
                <a:spcPts val="0"/>
              </a:spcBef>
              <a:spcAft>
                <a:spcPts val="0"/>
              </a:spcAft>
              <a:buSzPts val="7200"/>
              <a:buNone/>
              <a:defRPr sz="7200"/>
            </a:lvl3pPr>
            <a:lvl4pPr lvl="3" algn="ctr" rtl="0">
              <a:spcBef>
                <a:spcPts val="0"/>
              </a:spcBef>
              <a:spcAft>
                <a:spcPts val="0"/>
              </a:spcAft>
              <a:buSzPts val="7200"/>
              <a:buNone/>
              <a:defRPr sz="7200"/>
            </a:lvl4pPr>
            <a:lvl5pPr lvl="4" algn="ctr" rtl="0">
              <a:spcBef>
                <a:spcPts val="0"/>
              </a:spcBef>
              <a:spcAft>
                <a:spcPts val="0"/>
              </a:spcAft>
              <a:buSzPts val="7200"/>
              <a:buNone/>
              <a:defRPr sz="7200"/>
            </a:lvl5pPr>
            <a:lvl6pPr lvl="5" algn="ctr" rtl="0">
              <a:spcBef>
                <a:spcPts val="0"/>
              </a:spcBef>
              <a:spcAft>
                <a:spcPts val="0"/>
              </a:spcAft>
              <a:buSzPts val="7200"/>
              <a:buNone/>
              <a:defRPr sz="7200"/>
            </a:lvl6pPr>
            <a:lvl7pPr lvl="6" algn="ctr" rtl="0">
              <a:spcBef>
                <a:spcPts val="0"/>
              </a:spcBef>
              <a:spcAft>
                <a:spcPts val="0"/>
              </a:spcAft>
              <a:buSzPts val="7200"/>
              <a:buNone/>
              <a:defRPr sz="7200"/>
            </a:lvl7pPr>
            <a:lvl8pPr lvl="7" algn="ctr" rtl="0">
              <a:spcBef>
                <a:spcPts val="0"/>
              </a:spcBef>
              <a:spcAft>
                <a:spcPts val="0"/>
              </a:spcAft>
              <a:buSzPts val="7200"/>
              <a:buNone/>
              <a:defRPr sz="7200"/>
            </a:lvl8pPr>
            <a:lvl9pPr lvl="8" algn="ctr" rtl="0">
              <a:spcBef>
                <a:spcPts val="0"/>
              </a:spcBef>
              <a:spcAft>
                <a:spcPts val="0"/>
              </a:spcAft>
              <a:buSzPts val="7200"/>
              <a:buNone/>
              <a:defRPr sz="7200"/>
            </a:lvl9pPr>
          </a:lstStyle>
          <a:p>
            <a:endParaRPr/>
          </a:p>
        </p:txBody>
      </p:sp>
      <p:sp>
        <p:nvSpPr>
          <p:cNvPr id="23" name="Google Shape;23;p2"/>
          <p:cNvSpPr txBox="1">
            <a:spLocks noGrp="1"/>
          </p:cNvSpPr>
          <p:nvPr>
            <p:ph type="subTitle" idx="1"/>
          </p:nvPr>
        </p:nvSpPr>
        <p:spPr>
          <a:xfrm>
            <a:off x="3084811" y="2812511"/>
            <a:ext cx="2930400" cy="380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lvl="0" algn="ctr" rtl="0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1pPr>
            <a:lvl2pPr lvl="1" algn="ct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None/>
              <a:defRPr sz="1500"/>
            </a:lvl2pPr>
            <a:lvl3pPr lvl="2" algn="ct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3pPr>
            <a:lvl4pPr lvl="3" algn="ct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4pPr>
            <a:lvl5pPr lvl="4" algn="ct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5pPr>
            <a:lvl6pPr lvl="5" algn="ct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6pPr>
            <a:lvl7pPr lvl="6" algn="ct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7pPr>
            <a:lvl8pPr lvl="7" algn="ct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8pPr>
            <a:lvl9pPr lvl="8" algn="ct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HEADLINE 2">
  <p:cSld name="7_Título y objetos"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20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0" name="Google Shape;210;p19"/>
          <p:cNvSpPr txBox="1">
            <a:spLocks noGrp="1"/>
          </p:cNvSpPr>
          <p:nvPr>
            <p:ph type="subTitle" idx="1"/>
          </p:nvPr>
        </p:nvSpPr>
        <p:spPr>
          <a:xfrm flipH="1">
            <a:off x="2143975" y="2211365"/>
            <a:ext cx="4601100" cy="72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lvl="0" rtl="0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chemeClr val="accent6"/>
              </a:buClr>
              <a:buSzPts val="4500"/>
              <a:buFont typeface="Squada One"/>
              <a:buNone/>
              <a:defRPr sz="4500">
                <a:solidFill>
                  <a:schemeClr val="accent6"/>
                </a:solidFill>
                <a:latin typeface="Squada One"/>
                <a:ea typeface="Squada One"/>
                <a:cs typeface="Squada One"/>
                <a:sym typeface="Squada One"/>
              </a:defRPr>
            </a:lvl1pPr>
            <a:lvl2pPr lvl="1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Squada One"/>
              <a:buNone/>
              <a:defRPr sz="1500">
                <a:latin typeface="Squada One"/>
                <a:ea typeface="Squada One"/>
                <a:cs typeface="Squada One"/>
                <a:sym typeface="Squada One"/>
              </a:defRPr>
            </a:lvl2pPr>
            <a:lvl3pPr lvl="2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Squada One"/>
              <a:buNone/>
              <a:defRPr sz="1400">
                <a:latin typeface="Squada One"/>
                <a:ea typeface="Squada One"/>
                <a:cs typeface="Squada One"/>
                <a:sym typeface="Squada One"/>
              </a:defRPr>
            </a:lvl3pPr>
            <a:lvl4pPr lvl="3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4pPr>
            <a:lvl5pPr lvl="4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5pPr>
            <a:lvl6pPr lvl="5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6pPr>
            <a:lvl7pPr lvl="6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7pPr>
            <a:lvl8pPr lvl="7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8pPr>
            <a:lvl9pPr lvl="8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9pPr>
          </a:lstStyle>
          <a:p>
            <a:endParaRPr/>
          </a:p>
        </p:txBody>
      </p:sp>
      <p:cxnSp>
        <p:nvCxnSpPr>
          <p:cNvPr id="211" name="Google Shape;211;p19"/>
          <p:cNvCxnSpPr/>
          <p:nvPr/>
        </p:nvCxnSpPr>
        <p:spPr>
          <a:xfrm rot="10800000">
            <a:off x="7500" y="2336600"/>
            <a:ext cx="2681400" cy="0"/>
          </a:xfrm>
          <a:prstGeom prst="straightConnector1">
            <a:avLst/>
          </a:prstGeom>
          <a:noFill/>
          <a:ln w="28575" cap="flat" cmpd="sng">
            <a:solidFill>
              <a:schemeClr val="accent6"/>
            </a:solidFill>
            <a:prstDash val="solid"/>
            <a:miter lim="800000"/>
            <a:headEnd type="none" w="sm" len="sm"/>
            <a:tailEnd type="none" w="sm" len="sm"/>
          </a:ln>
        </p:spPr>
      </p:cxnSp>
      <p:sp>
        <p:nvSpPr>
          <p:cNvPr id="212" name="Google Shape;212;p19"/>
          <p:cNvSpPr txBox="1">
            <a:spLocks noGrp="1"/>
          </p:cNvSpPr>
          <p:nvPr>
            <p:ph type="subTitle" idx="2"/>
          </p:nvPr>
        </p:nvSpPr>
        <p:spPr>
          <a:xfrm flipH="1">
            <a:off x="5434825" y="2646968"/>
            <a:ext cx="2383500" cy="763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lvl="0" algn="r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chemeClr val="accent6"/>
              </a:buClr>
              <a:buSzPts val="1200"/>
              <a:buNone/>
              <a:defRPr sz="1200">
                <a:solidFill>
                  <a:schemeClr val="accent6"/>
                </a:solidFill>
              </a:defRPr>
            </a:lvl1pPr>
            <a:lvl2pPr lvl="1" algn="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None/>
              <a:defRPr sz="1500"/>
            </a:lvl2pPr>
            <a:lvl3pPr lvl="2" algn="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3pPr>
            <a:lvl4pPr lvl="3" algn="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4pPr>
            <a:lvl5pPr lvl="4" algn="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5pPr>
            <a:lvl6pPr lvl="5" algn="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6pPr>
            <a:lvl7pPr lvl="6" algn="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7pPr>
            <a:lvl8pPr lvl="7" algn="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8pPr>
            <a:lvl9pPr lvl="8" algn="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9pPr>
          </a:lstStyle>
          <a:p>
            <a:endParaRPr/>
          </a:p>
        </p:txBody>
      </p:sp>
      <p:sp>
        <p:nvSpPr>
          <p:cNvPr id="213" name="Google Shape;213;p19"/>
          <p:cNvSpPr/>
          <p:nvPr/>
        </p:nvSpPr>
        <p:spPr>
          <a:xfrm flipH="1">
            <a:off x="4146" y="3444550"/>
            <a:ext cx="2335700" cy="1698947"/>
          </a:xfrm>
          <a:custGeom>
            <a:avLst/>
            <a:gdLst/>
            <a:ahLst/>
            <a:cxnLst/>
            <a:rect l="l" t="t" r="r" b="b"/>
            <a:pathLst>
              <a:path w="12402" h="9021" extrusionOk="0">
                <a:moveTo>
                  <a:pt x="8861" y="0"/>
                </a:moveTo>
                <a:cubicBezTo>
                  <a:pt x="7876" y="0"/>
                  <a:pt x="6959" y="246"/>
                  <a:pt x="6345" y="946"/>
                </a:cubicBezTo>
                <a:cubicBezTo>
                  <a:pt x="4765" y="2751"/>
                  <a:pt x="6495" y="4876"/>
                  <a:pt x="6015" y="5667"/>
                </a:cubicBezTo>
                <a:cubicBezTo>
                  <a:pt x="5966" y="5747"/>
                  <a:pt x="5907" y="5783"/>
                  <a:pt x="5838" y="5783"/>
                </a:cubicBezTo>
                <a:cubicBezTo>
                  <a:pt x="5310" y="5783"/>
                  <a:pt x="4210" y="3706"/>
                  <a:pt x="2742" y="3706"/>
                </a:cubicBezTo>
                <a:cubicBezTo>
                  <a:pt x="2513" y="3706"/>
                  <a:pt x="2276" y="3756"/>
                  <a:pt x="2030" y="3872"/>
                </a:cubicBezTo>
                <a:cubicBezTo>
                  <a:pt x="290" y="4694"/>
                  <a:pt x="1" y="7536"/>
                  <a:pt x="877" y="9021"/>
                </a:cubicBezTo>
                <a:lnTo>
                  <a:pt x="9699" y="9021"/>
                </a:lnTo>
                <a:lnTo>
                  <a:pt x="12402" y="7172"/>
                </a:lnTo>
                <a:lnTo>
                  <a:pt x="12402" y="743"/>
                </a:lnTo>
                <a:cubicBezTo>
                  <a:pt x="11419" y="382"/>
                  <a:pt x="10087" y="0"/>
                  <a:pt x="8861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38100" dir="1578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4" name="Google Shape;214;p19"/>
          <p:cNvSpPr/>
          <p:nvPr/>
        </p:nvSpPr>
        <p:spPr>
          <a:xfrm flipH="1">
            <a:off x="4141" y="1291906"/>
            <a:ext cx="957671" cy="3049103"/>
          </a:xfrm>
          <a:custGeom>
            <a:avLst/>
            <a:gdLst/>
            <a:ahLst/>
            <a:cxnLst/>
            <a:rect l="l" t="t" r="r" b="b"/>
            <a:pathLst>
              <a:path w="5085" h="16190" extrusionOk="0">
                <a:moveTo>
                  <a:pt x="4947" y="1"/>
                </a:moveTo>
                <a:cubicBezTo>
                  <a:pt x="3385" y="1"/>
                  <a:pt x="3531" y="2861"/>
                  <a:pt x="2980" y="4451"/>
                </a:cubicBezTo>
                <a:cubicBezTo>
                  <a:pt x="2201" y="6683"/>
                  <a:pt x="289" y="6405"/>
                  <a:pt x="139" y="7505"/>
                </a:cubicBezTo>
                <a:cubicBezTo>
                  <a:pt x="1" y="8541"/>
                  <a:pt x="1399" y="8424"/>
                  <a:pt x="1646" y="9481"/>
                </a:cubicBezTo>
                <a:cubicBezTo>
                  <a:pt x="1976" y="10891"/>
                  <a:pt x="225" y="11404"/>
                  <a:pt x="919" y="14021"/>
                </a:cubicBezTo>
                <a:cubicBezTo>
                  <a:pt x="1430" y="15932"/>
                  <a:pt x="3731" y="16190"/>
                  <a:pt x="4930" y="16190"/>
                </a:cubicBezTo>
                <a:cubicBezTo>
                  <a:pt x="4984" y="16190"/>
                  <a:pt x="5036" y="16189"/>
                  <a:pt x="5085" y="16189"/>
                </a:cubicBezTo>
                <a:lnTo>
                  <a:pt x="5085" y="8"/>
                </a:lnTo>
                <a:cubicBezTo>
                  <a:pt x="5037" y="3"/>
                  <a:pt x="4992" y="1"/>
                  <a:pt x="4947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200025" dir="408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5" name="Google Shape;215;p19"/>
          <p:cNvSpPr/>
          <p:nvPr/>
        </p:nvSpPr>
        <p:spPr>
          <a:xfrm flipH="1">
            <a:off x="0" y="3930261"/>
            <a:ext cx="1726067" cy="1213238"/>
          </a:xfrm>
          <a:custGeom>
            <a:avLst/>
            <a:gdLst/>
            <a:ahLst/>
            <a:cxnLst/>
            <a:rect l="l" t="t" r="r" b="b"/>
            <a:pathLst>
              <a:path w="9165" h="6442" extrusionOk="0">
                <a:moveTo>
                  <a:pt x="6969" y="1"/>
                </a:moveTo>
                <a:cubicBezTo>
                  <a:pt x="6062" y="1"/>
                  <a:pt x="5147" y="144"/>
                  <a:pt x="4475" y="589"/>
                </a:cubicBezTo>
                <a:cubicBezTo>
                  <a:pt x="2531" y="1870"/>
                  <a:pt x="3909" y="3622"/>
                  <a:pt x="3749" y="4722"/>
                </a:cubicBezTo>
                <a:cubicBezTo>
                  <a:pt x="3673" y="5214"/>
                  <a:pt x="3499" y="5372"/>
                  <a:pt x="3271" y="5372"/>
                </a:cubicBezTo>
                <a:cubicBezTo>
                  <a:pt x="3050" y="5372"/>
                  <a:pt x="2779" y="5222"/>
                  <a:pt x="2499" y="5085"/>
                </a:cubicBezTo>
                <a:cubicBezTo>
                  <a:pt x="2179" y="4935"/>
                  <a:pt x="1890" y="4807"/>
                  <a:pt x="1676" y="4807"/>
                </a:cubicBezTo>
                <a:cubicBezTo>
                  <a:pt x="523" y="4818"/>
                  <a:pt x="865" y="5844"/>
                  <a:pt x="0" y="6442"/>
                </a:cubicBezTo>
                <a:lnTo>
                  <a:pt x="9164" y="6442"/>
                </a:lnTo>
                <a:lnTo>
                  <a:pt x="9164" y="225"/>
                </a:lnTo>
                <a:cubicBezTo>
                  <a:pt x="8551" y="111"/>
                  <a:pt x="7763" y="1"/>
                  <a:pt x="6969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76200" dir="888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6" name="Google Shape;216;p19"/>
          <p:cNvSpPr/>
          <p:nvPr/>
        </p:nvSpPr>
        <p:spPr>
          <a:xfrm flipH="1">
            <a:off x="1832495" y="4546187"/>
            <a:ext cx="2633077" cy="523188"/>
          </a:xfrm>
          <a:custGeom>
            <a:avLst/>
            <a:gdLst/>
            <a:ahLst/>
            <a:cxnLst/>
            <a:rect l="l" t="t" r="r" b="b"/>
            <a:pathLst>
              <a:path w="13981" h="2778" extrusionOk="0">
                <a:moveTo>
                  <a:pt x="10490" y="1"/>
                </a:moveTo>
                <a:cubicBezTo>
                  <a:pt x="10379" y="1"/>
                  <a:pt x="10264" y="11"/>
                  <a:pt x="10147" y="32"/>
                </a:cubicBezTo>
                <a:cubicBezTo>
                  <a:pt x="8636" y="312"/>
                  <a:pt x="8469" y="2288"/>
                  <a:pt x="6274" y="2288"/>
                </a:cubicBezTo>
                <a:cubicBezTo>
                  <a:pt x="6032" y="2288"/>
                  <a:pt x="5765" y="2264"/>
                  <a:pt x="5469" y="2211"/>
                </a:cubicBezTo>
                <a:cubicBezTo>
                  <a:pt x="4760" y="2083"/>
                  <a:pt x="4104" y="2026"/>
                  <a:pt x="3496" y="2026"/>
                </a:cubicBezTo>
                <a:cubicBezTo>
                  <a:pt x="2079" y="2026"/>
                  <a:pt x="927" y="2336"/>
                  <a:pt x="0" y="2778"/>
                </a:cubicBezTo>
                <a:lnTo>
                  <a:pt x="13981" y="2778"/>
                </a:lnTo>
                <a:cubicBezTo>
                  <a:pt x="13179" y="2286"/>
                  <a:pt x="12171" y="1"/>
                  <a:pt x="10490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33350" dir="1146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7" name="Google Shape;217;p19"/>
          <p:cNvSpPr/>
          <p:nvPr/>
        </p:nvSpPr>
        <p:spPr>
          <a:xfrm flipH="1">
            <a:off x="8500049" y="2124503"/>
            <a:ext cx="643947" cy="2409965"/>
          </a:xfrm>
          <a:custGeom>
            <a:avLst/>
            <a:gdLst/>
            <a:ahLst/>
            <a:cxnLst/>
            <a:rect l="l" t="t" r="r" b="b"/>
            <a:pathLst>
              <a:path w="2629" h="9839" extrusionOk="0">
                <a:moveTo>
                  <a:pt x="1" y="1"/>
                </a:moveTo>
                <a:lnTo>
                  <a:pt x="1" y="9838"/>
                </a:lnTo>
                <a:cubicBezTo>
                  <a:pt x="2575" y="7531"/>
                  <a:pt x="2628" y="5640"/>
                  <a:pt x="289" y="589"/>
                </a:cubicBezTo>
                <a:cubicBezTo>
                  <a:pt x="204" y="385"/>
                  <a:pt x="97" y="193"/>
                  <a:pt x="1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247650" dir="1626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8" name="Google Shape;218;p19"/>
          <p:cNvSpPr/>
          <p:nvPr/>
        </p:nvSpPr>
        <p:spPr>
          <a:xfrm flipH="1">
            <a:off x="5395676" y="0"/>
            <a:ext cx="3748328" cy="2693771"/>
          </a:xfrm>
          <a:custGeom>
            <a:avLst/>
            <a:gdLst/>
            <a:ahLst/>
            <a:cxnLst/>
            <a:rect l="l" t="t" r="r" b="b"/>
            <a:pathLst>
              <a:path w="7937" h="5704" extrusionOk="0">
                <a:moveTo>
                  <a:pt x="1" y="0"/>
                </a:moveTo>
                <a:lnTo>
                  <a:pt x="1" y="5704"/>
                </a:lnTo>
                <a:cubicBezTo>
                  <a:pt x="214" y="5533"/>
                  <a:pt x="482" y="5362"/>
                  <a:pt x="823" y="5191"/>
                </a:cubicBezTo>
                <a:cubicBezTo>
                  <a:pt x="3312" y="3898"/>
                  <a:pt x="620" y="1677"/>
                  <a:pt x="2062" y="620"/>
                </a:cubicBezTo>
                <a:cubicBezTo>
                  <a:pt x="2291" y="452"/>
                  <a:pt x="2522" y="383"/>
                  <a:pt x="2754" y="383"/>
                </a:cubicBezTo>
                <a:cubicBezTo>
                  <a:pt x="3797" y="383"/>
                  <a:pt x="4869" y="1766"/>
                  <a:pt x="5903" y="1766"/>
                </a:cubicBezTo>
                <a:cubicBezTo>
                  <a:pt x="6091" y="1766"/>
                  <a:pt x="6278" y="1720"/>
                  <a:pt x="6463" y="1613"/>
                </a:cubicBezTo>
                <a:cubicBezTo>
                  <a:pt x="7040" y="1282"/>
                  <a:pt x="7488" y="620"/>
                  <a:pt x="7937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76200" dir="14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9" name="Google Shape;219;p19"/>
          <p:cNvSpPr/>
          <p:nvPr/>
        </p:nvSpPr>
        <p:spPr>
          <a:xfrm flipH="1">
            <a:off x="2585009" y="0"/>
            <a:ext cx="3161332" cy="930483"/>
          </a:xfrm>
          <a:custGeom>
            <a:avLst/>
            <a:gdLst/>
            <a:ahLst/>
            <a:cxnLst/>
            <a:rect l="l" t="t" r="r" b="b"/>
            <a:pathLst>
              <a:path w="12316" h="3625" extrusionOk="0">
                <a:moveTo>
                  <a:pt x="1" y="0"/>
                </a:moveTo>
                <a:cubicBezTo>
                  <a:pt x="972" y="1325"/>
                  <a:pt x="1784" y="3162"/>
                  <a:pt x="3803" y="3556"/>
                </a:cubicBezTo>
                <a:cubicBezTo>
                  <a:pt x="4037" y="3602"/>
                  <a:pt x="4281" y="3624"/>
                  <a:pt x="4533" y="3624"/>
                </a:cubicBezTo>
                <a:cubicBezTo>
                  <a:pt x="7086" y="3624"/>
                  <a:pt x="10439" y="1409"/>
                  <a:pt x="12315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23825" dir="14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0" name="Google Shape;220;p19"/>
          <p:cNvSpPr/>
          <p:nvPr/>
        </p:nvSpPr>
        <p:spPr>
          <a:xfrm flipH="1">
            <a:off x="4153" y="0"/>
            <a:ext cx="4397784" cy="2623834"/>
          </a:xfrm>
          <a:custGeom>
            <a:avLst/>
            <a:gdLst/>
            <a:ahLst/>
            <a:cxnLst/>
            <a:rect l="l" t="t" r="r" b="b"/>
            <a:pathLst>
              <a:path w="17133" h="10222" extrusionOk="0">
                <a:moveTo>
                  <a:pt x="1" y="0"/>
                </a:moveTo>
                <a:cubicBezTo>
                  <a:pt x="1570" y="662"/>
                  <a:pt x="3419" y="1313"/>
                  <a:pt x="4529" y="1313"/>
                </a:cubicBezTo>
                <a:cubicBezTo>
                  <a:pt x="6373" y="1313"/>
                  <a:pt x="7673" y="389"/>
                  <a:pt x="8664" y="389"/>
                </a:cubicBezTo>
                <a:cubicBezTo>
                  <a:pt x="8844" y="389"/>
                  <a:pt x="9014" y="419"/>
                  <a:pt x="9175" y="491"/>
                </a:cubicBezTo>
                <a:cubicBezTo>
                  <a:pt x="9699" y="726"/>
                  <a:pt x="9773" y="1292"/>
                  <a:pt x="9272" y="3204"/>
                </a:cubicBezTo>
                <a:cubicBezTo>
                  <a:pt x="9120" y="3797"/>
                  <a:pt x="9438" y="3990"/>
                  <a:pt x="9926" y="3990"/>
                </a:cubicBezTo>
                <a:cubicBezTo>
                  <a:pt x="10748" y="3990"/>
                  <a:pt x="12054" y="3444"/>
                  <a:pt x="12422" y="3343"/>
                </a:cubicBezTo>
                <a:cubicBezTo>
                  <a:pt x="12696" y="3268"/>
                  <a:pt x="13011" y="3218"/>
                  <a:pt x="13322" y="3218"/>
                </a:cubicBezTo>
                <a:cubicBezTo>
                  <a:pt x="13811" y="3218"/>
                  <a:pt x="14288" y="3343"/>
                  <a:pt x="14569" y="3696"/>
                </a:cubicBezTo>
                <a:cubicBezTo>
                  <a:pt x="15626" y="5041"/>
                  <a:pt x="15488" y="6815"/>
                  <a:pt x="15744" y="8064"/>
                </a:cubicBezTo>
                <a:cubicBezTo>
                  <a:pt x="16011" y="9324"/>
                  <a:pt x="16513" y="9976"/>
                  <a:pt x="17133" y="10221"/>
                </a:cubicBezTo>
                <a:lnTo>
                  <a:pt x="17133" y="0"/>
                </a:ln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23825" dir="14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1" name="Google Shape;221;p19"/>
          <p:cNvSpPr txBox="1">
            <a:spLocks noGrp="1"/>
          </p:cNvSpPr>
          <p:nvPr>
            <p:ph type="title" hasCustomPrompt="1"/>
          </p:nvPr>
        </p:nvSpPr>
        <p:spPr>
          <a:xfrm>
            <a:off x="2143975" y="1562675"/>
            <a:ext cx="1529700" cy="723300"/>
          </a:xfrm>
          <a:prstGeom prst="rect">
            <a:avLst/>
          </a:prstGeom>
        </p:spPr>
        <p:txBody>
          <a:bodyPr spcFirstLastPara="1" wrap="square" lIns="68575" tIns="34275" rIns="68575" bIns="3427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4500"/>
              <a:buNone/>
              <a:defRPr sz="4500" b="0">
                <a:solidFill>
                  <a:srgbClr val="FFFFFF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Squada One"/>
              <a:buNone/>
              <a:defRPr sz="3900">
                <a:solidFill>
                  <a:srgbClr val="FFFFFF"/>
                </a:solidFill>
                <a:latin typeface="Squada One"/>
                <a:ea typeface="Squada One"/>
                <a:cs typeface="Squada One"/>
                <a:sym typeface="Squada One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Squada One"/>
              <a:buNone/>
              <a:defRPr sz="3900">
                <a:solidFill>
                  <a:srgbClr val="FFFFFF"/>
                </a:solidFill>
                <a:latin typeface="Squada One"/>
                <a:ea typeface="Squada One"/>
                <a:cs typeface="Squada One"/>
                <a:sym typeface="Squada One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Squada One"/>
              <a:buNone/>
              <a:defRPr sz="3900">
                <a:solidFill>
                  <a:srgbClr val="FFFFFF"/>
                </a:solidFill>
                <a:latin typeface="Squada One"/>
                <a:ea typeface="Squada One"/>
                <a:cs typeface="Squada One"/>
                <a:sym typeface="Squada One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Squada One"/>
              <a:buNone/>
              <a:defRPr sz="3900">
                <a:solidFill>
                  <a:srgbClr val="FFFFFF"/>
                </a:solidFill>
                <a:latin typeface="Squada One"/>
                <a:ea typeface="Squada One"/>
                <a:cs typeface="Squada One"/>
                <a:sym typeface="Squada One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Squada One"/>
              <a:buNone/>
              <a:defRPr sz="3900">
                <a:solidFill>
                  <a:srgbClr val="FFFFFF"/>
                </a:solidFill>
                <a:latin typeface="Squada One"/>
                <a:ea typeface="Squada One"/>
                <a:cs typeface="Squada One"/>
                <a:sym typeface="Squada One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Squada One"/>
              <a:buNone/>
              <a:defRPr sz="3900">
                <a:solidFill>
                  <a:srgbClr val="FFFFFF"/>
                </a:solidFill>
                <a:latin typeface="Squada One"/>
                <a:ea typeface="Squada One"/>
                <a:cs typeface="Squada One"/>
                <a:sym typeface="Squada One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Squada One"/>
              <a:buNone/>
              <a:defRPr sz="3900">
                <a:solidFill>
                  <a:srgbClr val="FFFFFF"/>
                </a:solidFill>
                <a:latin typeface="Squada One"/>
                <a:ea typeface="Squada One"/>
                <a:cs typeface="Squada One"/>
                <a:sym typeface="Squada One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Squada One"/>
              <a:buNone/>
              <a:defRPr sz="3900">
                <a:solidFill>
                  <a:srgbClr val="FFFFFF"/>
                </a:solidFill>
                <a:latin typeface="Squada One"/>
                <a:ea typeface="Squada One"/>
                <a:cs typeface="Squada One"/>
                <a:sym typeface="Squada One"/>
              </a:defRPr>
            </a:lvl9pPr>
          </a:lstStyle>
          <a:p>
            <a:r>
              <a:t>xx%</a:t>
            </a: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HEADLINE 2 1">
  <p:cSld name="7_Título y objetos_1"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2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3" name="Google Shape;223;p20"/>
          <p:cNvSpPr txBox="1">
            <a:spLocks noGrp="1"/>
          </p:cNvSpPr>
          <p:nvPr>
            <p:ph type="subTitle" idx="1"/>
          </p:nvPr>
        </p:nvSpPr>
        <p:spPr>
          <a:xfrm>
            <a:off x="3217225" y="2211365"/>
            <a:ext cx="4601100" cy="72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lvl="0" algn="r" rtl="0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chemeClr val="accent6"/>
              </a:buClr>
              <a:buSzPts val="4500"/>
              <a:buFont typeface="Squada One"/>
              <a:buNone/>
              <a:defRPr sz="4500">
                <a:solidFill>
                  <a:schemeClr val="accent6"/>
                </a:solidFill>
                <a:latin typeface="Squada One"/>
                <a:ea typeface="Squada One"/>
                <a:cs typeface="Squada One"/>
                <a:sym typeface="Squada One"/>
              </a:defRPr>
            </a:lvl1pPr>
            <a:lvl2pPr lvl="1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Squada One"/>
              <a:buNone/>
              <a:defRPr sz="1500">
                <a:latin typeface="Squada One"/>
                <a:ea typeface="Squada One"/>
                <a:cs typeface="Squada One"/>
                <a:sym typeface="Squada One"/>
              </a:defRPr>
            </a:lvl2pPr>
            <a:lvl3pPr lvl="2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Squada One"/>
              <a:buNone/>
              <a:defRPr sz="1400">
                <a:latin typeface="Squada One"/>
                <a:ea typeface="Squada One"/>
                <a:cs typeface="Squada One"/>
                <a:sym typeface="Squada One"/>
              </a:defRPr>
            </a:lvl3pPr>
            <a:lvl4pPr lvl="3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4pPr>
            <a:lvl5pPr lvl="4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5pPr>
            <a:lvl6pPr lvl="5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6pPr>
            <a:lvl7pPr lvl="6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7pPr>
            <a:lvl8pPr lvl="7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8pPr>
            <a:lvl9pPr lvl="8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Squada One"/>
              <a:buNone/>
              <a:defRPr sz="1200">
                <a:latin typeface="Squada One"/>
                <a:ea typeface="Squada One"/>
                <a:cs typeface="Squada One"/>
                <a:sym typeface="Squada One"/>
              </a:defRPr>
            </a:lvl9pPr>
          </a:lstStyle>
          <a:p>
            <a:endParaRPr/>
          </a:p>
        </p:txBody>
      </p:sp>
      <p:sp>
        <p:nvSpPr>
          <p:cNvPr id="224" name="Google Shape;224;p20"/>
          <p:cNvSpPr txBox="1">
            <a:spLocks noGrp="1"/>
          </p:cNvSpPr>
          <p:nvPr>
            <p:ph type="subTitle" idx="2"/>
          </p:nvPr>
        </p:nvSpPr>
        <p:spPr>
          <a:xfrm>
            <a:off x="2143975" y="2646968"/>
            <a:ext cx="2383500" cy="763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lvl="0" rtl="0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chemeClr val="accent6"/>
              </a:buClr>
              <a:buSzPts val="1200"/>
              <a:buNone/>
              <a:defRPr sz="1200">
                <a:solidFill>
                  <a:schemeClr val="accent6"/>
                </a:solidFill>
              </a:defRPr>
            </a:lvl1pPr>
            <a:lvl2pPr lvl="1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None/>
              <a:defRPr sz="1500"/>
            </a:lvl2pPr>
            <a:lvl3pPr lvl="2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3pPr>
            <a:lvl4pPr lvl="3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4pPr>
            <a:lvl5pPr lvl="4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5pPr>
            <a:lvl6pPr lvl="5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6pPr>
            <a:lvl7pPr lvl="6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7pPr>
            <a:lvl8pPr lvl="7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8pPr>
            <a:lvl9pPr lvl="8" algn="r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9pPr>
          </a:lstStyle>
          <a:p>
            <a:endParaRPr/>
          </a:p>
        </p:txBody>
      </p:sp>
      <p:sp>
        <p:nvSpPr>
          <p:cNvPr id="225" name="Google Shape;225;p20"/>
          <p:cNvSpPr/>
          <p:nvPr/>
        </p:nvSpPr>
        <p:spPr>
          <a:xfrm flipH="1">
            <a:off x="4146" y="3444550"/>
            <a:ext cx="2335700" cy="1698947"/>
          </a:xfrm>
          <a:custGeom>
            <a:avLst/>
            <a:gdLst/>
            <a:ahLst/>
            <a:cxnLst/>
            <a:rect l="l" t="t" r="r" b="b"/>
            <a:pathLst>
              <a:path w="12402" h="9021" extrusionOk="0">
                <a:moveTo>
                  <a:pt x="8861" y="0"/>
                </a:moveTo>
                <a:cubicBezTo>
                  <a:pt x="7876" y="0"/>
                  <a:pt x="6959" y="246"/>
                  <a:pt x="6345" y="946"/>
                </a:cubicBezTo>
                <a:cubicBezTo>
                  <a:pt x="4765" y="2751"/>
                  <a:pt x="6495" y="4876"/>
                  <a:pt x="6015" y="5667"/>
                </a:cubicBezTo>
                <a:cubicBezTo>
                  <a:pt x="5966" y="5747"/>
                  <a:pt x="5907" y="5783"/>
                  <a:pt x="5838" y="5783"/>
                </a:cubicBezTo>
                <a:cubicBezTo>
                  <a:pt x="5310" y="5783"/>
                  <a:pt x="4210" y="3706"/>
                  <a:pt x="2742" y="3706"/>
                </a:cubicBezTo>
                <a:cubicBezTo>
                  <a:pt x="2513" y="3706"/>
                  <a:pt x="2276" y="3756"/>
                  <a:pt x="2030" y="3872"/>
                </a:cubicBezTo>
                <a:cubicBezTo>
                  <a:pt x="290" y="4694"/>
                  <a:pt x="1" y="7536"/>
                  <a:pt x="877" y="9021"/>
                </a:cubicBezTo>
                <a:lnTo>
                  <a:pt x="9699" y="9021"/>
                </a:lnTo>
                <a:lnTo>
                  <a:pt x="12402" y="7172"/>
                </a:lnTo>
                <a:lnTo>
                  <a:pt x="12402" y="743"/>
                </a:lnTo>
                <a:cubicBezTo>
                  <a:pt x="11419" y="382"/>
                  <a:pt x="10087" y="0"/>
                  <a:pt x="8861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38100" dir="1578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6" name="Google Shape;226;p20"/>
          <p:cNvSpPr/>
          <p:nvPr/>
        </p:nvSpPr>
        <p:spPr>
          <a:xfrm flipH="1">
            <a:off x="4141" y="1291906"/>
            <a:ext cx="957671" cy="3049103"/>
          </a:xfrm>
          <a:custGeom>
            <a:avLst/>
            <a:gdLst/>
            <a:ahLst/>
            <a:cxnLst/>
            <a:rect l="l" t="t" r="r" b="b"/>
            <a:pathLst>
              <a:path w="5085" h="16190" extrusionOk="0">
                <a:moveTo>
                  <a:pt x="4947" y="1"/>
                </a:moveTo>
                <a:cubicBezTo>
                  <a:pt x="3385" y="1"/>
                  <a:pt x="3531" y="2861"/>
                  <a:pt x="2980" y="4451"/>
                </a:cubicBezTo>
                <a:cubicBezTo>
                  <a:pt x="2201" y="6683"/>
                  <a:pt x="289" y="6405"/>
                  <a:pt x="139" y="7505"/>
                </a:cubicBezTo>
                <a:cubicBezTo>
                  <a:pt x="1" y="8541"/>
                  <a:pt x="1399" y="8424"/>
                  <a:pt x="1646" y="9481"/>
                </a:cubicBezTo>
                <a:cubicBezTo>
                  <a:pt x="1976" y="10891"/>
                  <a:pt x="225" y="11404"/>
                  <a:pt x="919" y="14021"/>
                </a:cubicBezTo>
                <a:cubicBezTo>
                  <a:pt x="1430" y="15932"/>
                  <a:pt x="3731" y="16190"/>
                  <a:pt x="4930" y="16190"/>
                </a:cubicBezTo>
                <a:cubicBezTo>
                  <a:pt x="4984" y="16190"/>
                  <a:pt x="5036" y="16189"/>
                  <a:pt x="5085" y="16189"/>
                </a:cubicBezTo>
                <a:lnTo>
                  <a:pt x="5085" y="8"/>
                </a:lnTo>
                <a:cubicBezTo>
                  <a:pt x="5037" y="3"/>
                  <a:pt x="4992" y="1"/>
                  <a:pt x="4947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200025" dir="408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7" name="Google Shape;227;p20"/>
          <p:cNvSpPr/>
          <p:nvPr/>
        </p:nvSpPr>
        <p:spPr>
          <a:xfrm flipH="1">
            <a:off x="0" y="3930261"/>
            <a:ext cx="1726067" cy="1213238"/>
          </a:xfrm>
          <a:custGeom>
            <a:avLst/>
            <a:gdLst/>
            <a:ahLst/>
            <a:cxnLst/>
            <a:rect l="l" t="t" r="r" b="b"/>
            <a:pathLst>
              <a:path w="9165" h="6442" extrusionOk="0">
                <a:moveTo>
                  <a:pt x="6969" y="1"/>
                </a:moveTo>
                <a:cubicBezTo>
                  <a:pt x="6062" y="1"/>
                  <a:pt x="5147" y="144"/>
                  <a:pt x="4475" y="589"/>
                </a:cubicBezTo>
                <a:cubicBezTo>
                  <a:pt x="2531" y="1870"/>
                  <a:pt x="3909" y="3622"/>
                  <a:pt x="3749" y="4722"/>
                </a:cubicBezTo>
                <a:cubicBezTo>
                  <a:pt x="3673" y="5214"/>
                  <a:pt x="3499" y="5372"/>
                  <a:pt x="3271" y="5372"/>
                </a:cubicBezTo>
                <a:cubicBezTo>
                  <a:pt x="3050" y="5372"/>
                  <a:pt x="2779" y="5222"/>
                  <a:pt x="2499" y="5085"/>
                </a:cubicBezTo>
                <a:cubicBezTo>
                  <a:pt x="2179" y="4935"/>
                  <a:pt x="1890" y="4807"/>
                  <a:pt x="1676" y="4807"/>
                </a:cubicBezTo>
                <a:cubicBezTo>
                  <a:pt x="523" y="4818"/>
                  <a:pt x="865" y="5844"/>
                  <a:pt x="0" y="6442"/>
                </a:cubicBezTo>
                <a:lnTo>
                  <a:pt x="9164" y="6442"/>
                </a:lnTo>
                <a:lnTo>
                  <a:pt x="9164" y="225"/>
                </a:lnTo>
                <a:cubicBezTo>
                  <a:pt x="8551" y="111"/>
                  <a:pt x="7763" y="1"/>
                  <a:pt x="6969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76200" dir="888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8" name="Google Shape;228;p20"/>
          <p:cNvSpPr/>
          <p:nvPr/>
        </p:nvSpPr>
        <p:spPr>
          <a:xfrm flipH="1">
            <a:off x="1832495" y="4546187"/>
            <a:ext cx="2633077" cy="523188"/>
          </a:xfrm>
          <a:custGeom>
            <a:avLst/>
            <a:gdLst/>
            <a:ahLst/>
            <a:cxnLst/>
            <a:rect l="l" t="t" r="r" b="b"/>
            <a:pathLst>
              <a:path w="13981" h="2778" extrusionOk="0">
                <a:moveTo>
                  <a:pt x="10490" y="1"/>
                </a:moveTo>
                <a:cubicBezTo>
                  <a:pt x="10379" y="1"/>
                  <a:pt x="10264" y="11"/>
                  <a:pt x="10147" y="32"/>
                </a:cubicBezTo>
                <a:cubicBezTo>
                  <a:pt x="8636" y="312"/>
                  <a:pt x="8469" y="2288"/>
                  <a:pt x="6274" y="2288"/>
                </a:cubicBezTo>
                <a:cubicBezTo>
                  <a:pt x="6032" y="2288"/>
                  <a:pt x="5765" y="2264"/>
                  <a:pt x="5469" y="2211"/>
                </a:cubicBezTo>
                <a:cubicBezTo>
                  <a:pt x="4760" y="2083"/>
                  <a:pt x="4104" y="2026"/>
                  <a:pt x="3496" y="2026"/>
                </a:cubicBezTo>
                <a:cubicBezTo>
                  <a:pt x="2079" y="2026"/>
                  <a:pt x="927" y="2336"/>
                  <a:pt x="0" y="2778"/>
                </a:cubicBezTo>
                <a:lnTo>
                  <a:pt x="13981" y="2778"/>
                </a:lnTo>
                <a:cubicBezTo>
                  <a:pt x="13179" y="2286"/>
                  <a:pt x="12171" y="1"/>
                  <a:pt x="10490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33350" dir="1146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9" name="Google Shape;229;p20"/>
          <p:cNvSpPr/>
          <p:nvPr/>
        </p:nvSpPr>
        <p:spPr>
          <a:xfrm flipH="1">
            <a:off x="8500049" y="2124503"/>
            <a:ext cx="643947" cy="2409965"/>
          </a:xfrm>
          <a:custGeom>
            <a:avLst/>
            <a:gdLst/>
            <a:ahLst/>
            <a:cxnLst/>
            <a:rect l="l" t="t" r="r" b="b"/>
            <a:pathLst>
              <a:path w="2629" h="9839" extrusionOk="0">
                <a:moveTo>
                  <a:pt x="1" y="1"/>
                </a:moveTo>
                <a:lnTo>
                  <a:pt x="1" y="9838"/>
                </a:lnTo>
                <a:cubicBezTo>
                  <a:pt x="2575" y="7531"/>
                  <a:pt x="2628" y="5640"/>
                  <a:pt x="289" y="589"/>
                </a:cubicBezTo>
                <a:cubicBezTo>
                  <a:pt x="204" y="385"/>
                  <a:pt x="97" y="193"/>
                  <a:pt x="1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247650" dir="1626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30" name="Google Shape;230;p20"/>
          <p:cNvSpPr/>
          <p:nvPr/>
        </p:nvSpPr>
        <p:spPr>
          <a:xfrm flipH="1">
            <a:off x="5395676" y="0"/>
            <a:ext cx="3748328" cy="2693771"/>
          </a:xfrm>
          <a:custGeom>
            <a:avLst/>
            <a:gdLst/>
            <a:ahLst/>
            <a:cxnLst/>
            <a:rect l="l" t="t" r="r" b="b"/>
            <a:pathLst>
              <a:path w="7937" h="5704" extrusionOk="0">
                <a:moveTo>
                  <a:pt x="1" y="0"/>
                </a:moveTo>
                <a:lnTo>
                  <a:pt x="1" y="5704"/>
                </a:lnTo>
                <a:cubicBezTo>
                  <a:pt x="214" y="5533"/>
                  <a:pt x="482" y="5362"/>
                  <a:pt x="823" y="5191"/>
                </a:cubicBezTo>
                <a:cubicBezTo>
                  <a:pt x="3312" y="3898"/>
                  <a:pt x="620" y="1677"/>
                  <a:pt x="2062" y="620"/>
                </a:cubicBezTo>
                <a:cubicBezTo>
                  <a:pt x="2291" y="452"/>
                  <a:pt x="2522" y="383"/>
                  <a:pt x="2754" y="383"/>
                </a:cubicBezTo>
                <a:cubicBezTo>
                  <a:pt x="3797" y="383"/>
                  <a:pt x="4869" y="1766"/>
                  <a:pt x="5903" y="1766"/>
                </a:cubicBezTo>
                <a:cubicBezTo>
                  <a:pt x="6091" y="1766"/>
                  <a:pt x="6278" y="1720"/>
                  <a:pt x="6463" y="1613"/>
                </a:cubicBezTo>
                <a:cubicBezTo>
                  <a:pt x="7040" y="1282"/>
                  <a:pt x="7488" y="620"/>
                  <a:pt x="7937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76200" dir="14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31" name="Google Shape;231;p20"/>
          <p:cNvSpPr/>
          <p:nvPr/>
        </p:nvSpPr>
        <p:spPr>
          <a:xfrm flipH="1">
            <a:off x="2585009" y="0"/>
            <a:ext cx="3161332" cy="930483"/>
          </a:xfrm>
          <a:custGeom>
            <a:avLst/>
            <a:gdLst/>
            <a:ahLst/>
            <a:cxnLst/>
            <a:rect l="l" t="t" r="r" b="b"/>
            <a:pathLst>
              <a:path w="12316" h="3625" extrusionOk="0">
                <a:moveTo>
                  <a:pt x="1" y="0"/>
                </a:moveTo>
                <a:cubicBezTo>
                  <a:pt x="972" y="1325"/>
                  <a:pt x="1784" y="3162"/>
                  <a:pt x="3803" y="3556"/>
                </a:cubicBezTo>
                <a:cubicBezTo>
                  <a:pt x="4037" y="3602"/>
                  <a:pt x="4281" y="3624"/>
                  <a:pt x="4533" y="3624"/>
                </a:cubicBezTo>
                <a:cubicBezTo>
                  <a:pt x="7086" y="3624"/>
                  <a:pt x="10439" y="1409"/>
                  <a:pt x="12315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23825" dir="14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32" name="Google Shape;232;p20"/>
          <p:cNvSpPr/>
          <p:nvPr/>
        </p:nvSpPr>
        <p:spPr>
          <a:xfrm flipH="1">
            <a:off x="4153" y="0"/>
            <a:ext cx="4397784" cy="2623834"/>
          </a:xfrm>
          <a:custGeom>
            <a:avLst/>
            <a:gdLst/>
            <a:ahLst/>
            <a:cxnLst/>
            <a:rect l="l" t="t" r="r" b="b"/>
            <a:pathLst>
              <a:path w="17133" h="10222" extrusionOk="0">
                <a:moveTo>
                  <a:pt x="1" y="0"/>
                </a:moveTo>
                <a:cubicBezTo>
                  <a:pt x="1570" y="662"/>
                  <a:pt x="3419" y="1313"/>
                  <a:pt x="4529" y="1313"/>
                </a:cubicBezTo>
                <a:cubicBezTo>
                  <a:pt x="6373" y="1313"/>
                  <a:pt x="7673" y="389"/>
                  <a:pt x="8664" y="389"/>
                </a:cubicBezTo>
                <a:cubicBezTo>
                  <a:pt x="8844" y="389"/>
                  <a:pt x="9014" y="419"/>
                  <a:pt x="9175" y="491"/>
                </a:cubicBezTo>
                <a:cubicBezTo>
                  <a:pt x="9699" y="726"/>
                  <a:pt x="9773" y="1292"/>
                  <a:pt x="9272" y="3204"/>
                </a:cubicBezTo>
                <a:cubicBezTo>
                  <a:pt x="9120" y="3797"/>
                  <a:pt x="9438" y="3990"/>
                  <a:pt x="9926" y="3990"/>
                </a:cubicBezTo>
                <a:cubicBezTo>
                  <a:pt x="10748" y="3990"/>
                  <a:pt x="12054" y="3444"/>
                  <a:pt x="12422" y="3343"/>
                </a:cubicBezTo>
                <a:cubicBezTo>
                  <a:pt x="12696" y="3268"/>
                  <a:pt x="13011" y="3218"/>
                  <a:pt x="13322" y="3218"/>
                </a:cubicBezTo>
                <a:cubicBezTo>
                  <a:pt x="13811" y="3218"/>
                  <a:pt x="14288" y="3343"/>
                  <a:pt x="14569" y="3696"/>
                </a:cubicBezTo>
                <a:cubicBezTo>
                  <a:pt x="15626" y="5041"/>
                  <a:pt x="15488" y="6815"/>
                  <a:pt x="15744" y="8064"/>
                </a:cubicBezTo>
                <a:cubicBezTo>
                  <a:pt x="16011" y="9324"/>
                  <a:pt x="16513" y="9976"/>
                  <a:pt x="17133" y="10221"/>
                </a:cubicBezTo>
                <a:lnTo>
                  <a:pt x="17133" y="0"/>
                </a:ln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23825" dir="14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cxnSp>
        <p:nvCxnSpPr>
          <p:cNvPr id="233" name="Google Shape;233;p20"/>
          <p:cNvCxnSpPr/>
          <p:nvPr/>
        </p:nvCxnSpPr>
        <p:spPr>
          <a:xfrm rot="10800000">
            <a:off x="8007675" y="0"/>
            <a:ext cx="0" cy="3094500"/>
          </a:xfrm>
          <a:prstGeom prst="straightConnector1">
            <a:avLst/>
          </a:prstGeom>
          <a:noFill/>
          <a:ln w="28575" cap="flat" cmpd="sng">
            <a:solidFill>
              <a:schemeClr val="accent6"/>
            </a:solidFill>
            <a:prstDash val="solid"/>
            <a:miter lim="800000"/>
            <a:headEnd type="none" w="sm" len="sm"/>
            <a:tailEnd type="none" w="sm" len="sm"/>
          </a:ln>
        </p:spPr>
      </p:cxn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ES" smtClean="0"/>
              <a:t>‹#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7529407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 + TEXT">
  <p:cSld name="1_Título y objetos_3"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6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" name="Google Shape;65;p6"/>
          <p:cNvSpPr/>
          <p:nvPr/>
        </p:nvSpPr>
        <p:spPr>
          <a:xfrm>
            <a:off x="131100" y="1547550"/>
            <a:ext cx="4365300" cy="2048400"/>
          </a:xfrm>
          <a:prstGeom prst="rect">
            <a:avLst/>
          </a:prstGeom>
          <a:noFill/>
          <a:ln w="2857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66" name="Google Shape;66;p6"/>
          <p:cNvSpPr/>
          <p:nvPr/>
        </p:nvSpPr>
        <p:spPr>
          <a:xfrm flipH="1">
            <a:off x="12225" y="3250835"/>
            <a:ext cx="2267119" cy="1892656"/>
          </a:xfrm>
          <a:custGeom>
            <a:avLst/>
            <a:gdLst/>
            <a:ahLst/>
            <a:cxnLst/>
            <a:rect l="l" t="t" r="r" b="b"/>
            <a:pathLst>
              <a:path w="9251" h="7723" extrusionOk="0">
                <a:moveTo>
                  <a:pt x="7830" y="1"/>
                </a:moveTo>
                <a:cubicBezTo>
                  <a:pt x="7787" y="22"/>
                  <a:pt x="7745" y="32"/>
                  <a:pt x="7702" y="65"/>
                </a:cubicBezTo>
                <a:cubicBezTo>
                  <a:pt x="6794" y="588"/>
                  <a:pt x="7745" y="1624"/>
                  <a:pt x="7050" y="2468"/>
                </a:cubicBezTo>
                <a:cubicBezTo>
                  <a:pt x="6131" y="3578"/>
                  <a:pt x="2543" y="3953"/>
                  <a:pt x="898" y="6089"/>
                </a:cubicBezTo>
                <a:cubicBezTo>
                  <a:pt x="546" y="6548"/>
                  <a:pt x="247" y="7114"/>
                  <a:pt x="1" y="7722"/>
                </a:cubicBezTo>
                <a:lnTo>
                  <a:pt x="9250" y="7722"/>
                </a:lnTo>
                <a:lnTo>
                  <a:pt x="9250" y="941"/>
                </a:lnTo>
                <a:cubicBezTo>
                  <a:pt x="8706" y="780"/>
                  <a:pt x="8215" y="481"/>
                  <a:pt x="7830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28588" dist="9525" dir="38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67" name="Google Shape;67;p6"/>
          <p:cNvSpPr/>
          <p:nvPr/>
        </p:nvSpPr>
        <p:spPr>
          <a:xfrm flipH="1">
            <a:off x="12227" y="0"/>
            <a:ext cx="2801122" cy="3481429"/>
          </a:xfrm>
          <a:custGeom>
            <a:avLst/>
            <a:gdLst/>
            <a:ahLst/>
            <a:cxnLst/>
            <a:rect l="l" t="t" r="r" b="b"/>
            <a:pathLst>
              <a:path w="11430" h="14206" extrusionOk="0">
                <a:moveTo>
                  <a:pt x="1" y="0"/>
                </a:moveTo>
                <a:cubicBezTo>
                  <a:pt x="1" y="0"/>
                  <a:pt x="541" y="1327"/>
                  <a:pt x="2842" y="1327"/>
                </a:cubicBezTo>
                <a:cubicBezTo>
                  <a:pt x="3168" y="1327"/>
                  <a:pt x="3530" y="1300"/>
                  <a:pt x="3931" y="1239"/>
                </a:cubicBezTo>
                <a:cubicBezTo>
                  <a:pt x="4809" y="1103"/>
                  <a:pt x="5648" y="961"/>
                  <a:pt x="6249" y="961"/>
                </a:cubicBezTo>
                <a:cubicBezTo>
                  <a:pt x="6972" y="961"/>
                  <a:pt x="7353" y="1167"/>
                  <a:pt x="7050" y="1837"/>
                </a:cubicBezTo>
                <a:cubicBezTo>
                  <a:pt x="6687" y="2628"/>
                  <a:pt x="4658" y="4411"/>
                  <a:pt x="4850" y="5244"/>
                </a:cubicBezTo>
                <a:cubicBezTo>
                  <a:pt x="4917" y="5546"/>
                  <a:pt x="5180" y="5658"/>
                  <a:pt x="5531" y="5658"/>
                </a:cubicBezTo>
                <a:cubicBezTo>
                  <a:pt x="6363" y="5658"/>
                  <a:pt x="7691" y="5032"/>
                  <a:pt x="8097" y="4806"/>
                </a:cubicBezTo>
                <a:cubicBezTo>
                  <a:pt x="8750" y="4436"/>
                  <a:pt x="9449" y="4208"/>
                  <a:pt x="9990" y="4208"/>
                </a:cubicBezTo>
                <a:cubicBezTo>
                  <a:pt x="10245" y="4208"/>
                  <a:pt x="10465" y="4259"/>
                  <a:pt x="10629" y="4368"/>
                </a:cubicBezTo>
                <a:cubicBezTo>
                  <a:pt x="11056" y="4657"/>
                  <a:pt x="10852" y="5469"/>
                  <a:pt x="10650" y="6163"/>
                </a:cubicBezTo>
                <a:cubicBezTo>
                  <a:pt x="10169" y="7797"/>
                  <a:pt x="9058" y="9794"/>
                  <a:pt x="9283" y="11429"/>
                </a:cubicBezTo>
                <a:cubicBezTo>
                  <a:pt x="9507" y="13084"/>
                  <a:pt x="10372" y="13885"/>
                  <a:pt x="11429" y="14206"/>
                </a:cubicBezTo>
                <a:lnTo>
                  <a:pt x="11429" y="0"/>
                </a:ln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42888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68" name="Google Shape;68;p6"/>
          <p:cNvSpPr/>
          <p:nvPr/>
        </p:nvSpPr>
        <p:spPr>
          <a:xfrm flipH="1">
            <a:off x="5183443" y="0"/>
            <a:ext cx="840582" cy="541844"/>
          </a:xfrm>
          <a:custGeom>
            <a:avLst/>
            <a:gdLst/>
            <a:ahLst/>
            <a:cxnLst/>
            <a:rect l="l" t="t" r="r" b="b"/>
            <a:pathLst>
              <a:path w="3430" h="2211" extrusionOk="0">
                <a:moveTo>
                  <a:pt x="866" y="0"/>
                </a:moveTo>
                <a:cubicBezTo>
                  <a:pt x="685" y="630"/>
                  <a:pt x="407" y="1453"/>
                  <a:pt x="1" y="2211"/>
                </a:cubicBezTo>
                <a:cubicBezTo>
                  <a:pt x="887" y="2211"/>
                  <a:pt x="1603" y="2061"/>
                  <a:pt x="2052" y="1709"/>
                </a:cubicBezTo>
                <a:cubicBezTo>
                  <a:pt x="2724" y="1164"/>
                  <a:pt x="3163" y="577"/>
                  <a:pt x="3429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69" name="Google Shape;69;p6"/>
          <p:cNvSpPr/>
          <p:nvPr/>
        </p:nvSpPr>
        <p:spPr>
          <a:xfrm flipH="1">
            <a:off x="5191300" y="3506687"/>
            <a:ext cx="3952694" cy="1636806"/>
          </a:xfrm>
          <a:custGeom>
            <a:avLst/>
            <a:gdLst/>
            <a:ahLst/>
            <a:cxnLst/>
            <a:rect l="l" t="t" r="r" b="b"/>
            <a:pathLst>
              <a:path w="16129" h="6679" extrusionOk="0">
                <a:moveTo>
                  <a:pt x="3975" y="0"/>
                </a:moveTo>
                <a:cubicBezTo>
                  <a:pt x="2628" y="0"/>
                  <a:pt x="1115" y="710"/>
                  <a:pt x="0" y="1371"/>
                </a:cubicBezTo>
                <a:lnTo>
                  <a:pt x="0" y="6614"/>
                </a:lnTo>
                <a:lnTo>
                  <a:pt x="32" y="6678"/>
                </a:lnTo>
                <a:lnTo>
                  <a:pt x="16128" y="6678"/>
                </a:lnTo>
                <a:cubicBezTo>
                  <a:pt x="14985" y="5568"/>
                  <a:pt x="13010" y="4489"/>
                  <a:pt x="11717" y="4179"/>
                </a:cubicBezTo>
                <a:cubicBezTo>
                  <a:pt x="11467" y="4119"/>
                  <a:pt x="11220" y="4094"/>
                  <a:pt x="10978" y="4094"/>
                </a:cubicBezTo>
                <a:cubicBezTo>
                  <a:pt x="9403" y="4094"/>
                  <a:pt x="8030" y="5191"/>
                  <a:pt x="7299" y="5191"/>
                </a:cubicBezTo>
                <a:cubicBezTo>
                  <a:pt x="7159" y="5191"/>
                  <a:pt x="7043" y="5151"/>
                  <a:pt x="6953" y="5055"/>
                </a:cubicBezTo>
                <a:cubicBezTo>
                  <a:pt x="6324" y="4383"/>
                  <a:pt x="7584" y="1947"/>
                  <a:pt x="5661" y="516"/>
                </a:cubicBezTo>
                <a:cubicBezTo>
                  <a:pt x="5169" y="148"/>
                  <a:pt x="4589" y="0"/>
                  <a:pt x="3975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28588" dist="9525" dir="38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0" name="Google Shape;70;p6"/>
          <p:cNvSpPr/>
          <p:nvPr/>
        </p:nvSpPr>
        <p:spPr>
          <a:xfrm flipH="1">
            <a:off x="5811811" y="0"/>
            <a:ext cx="3332183" cy="3515493"/>
          </a:xfrm>
          <a:custGeom>
            <a:avLst/>
            <a:gdLst/>
            <a:ahLst/>
            <a:cxnLst/>
            <a:rect l="l" t="t" r="r" b="b"/>
            <a:pathLst>
              <a:path w="13597" h="14345" extrusionOk="0">
                <a:moveTo>
                  <a:pt x="0" y="0"/>
                </a:moveTo>
                <a:lnTo>
                  <a:pt x="0" y="14344"/>
                </a:lnTo>
                <a:cubicBezTo>
                  <a:pt x="96" y="14227"/>
                  <a:pt x="182" y="14024"/>
                  <a:pt x="235" y="13703"/>
                </a:cubicBezTo>
                <a:cubicBezTo>
                  <a:pt x="770" y="10734"/>
                  <a:pt x="3269" y="11887"/>
                  <a:pt x="4304" y="10542"/>
                </a:cubicBezTo>
                <a:cubicBezTo>
                  <a:pt x="5714" y="8705"/>
                  <a:pt x="2852" y="5992"/>
                  <a:pt x="3803" y="5426"/>
                </a:cubicBezTo>
                <a:cubicBezTo>
                  <a:pt x="4120" y="5239"/>
                  <a:pt x="4417" y="5205"/>
                  <a:pt x="4692" y="5205"/>
                </a:cubicBezTo>
                <a:cubicBezTo>
                  <a:pt x="4854" y="5205"/>
                  <a:pt x="5008" y="5216"/>
                  <a:pt x="5154" y="5216"/>
                </a:cubicBezTo>
                <a:cubicBezTo>
                  <a:pt x="5513" y="5216"/>
                  <a:pt x="5823" y="5144"/>
                  <a:pt x="6077" y="4646"/>
                </a:cubicBezTo>
                <a:cubicBezTo>
                  <a:pt x="6184" y="4454"/>
                  <a:pt x="6195" y="4133"/>
                  <a:pt x="6206" y="3791"/>
                </a:cubicBezTo>
                <a:cubicBezTo>
                  <a:pt x="6215" y="3268"/>
                  <a:pt x="6188" y="2759"/>
                  <a:pt x="6684" y="2759"/>
                </a:cubicBezTo>
                <a:cubicBezTo>
                  <a:pt x="6795" y="2759"/>
                  <a:pt x="6933" y="2784"/>
                  <a:pt x="7103" y="2841"/>
                </a:cubicBezTo>
                <a:cubicBezTo>
                  <a:pt x="7923" y="3126"/>
                  <a:pt x="8678" y="4427"/>
                  <a:pt x="9937" y="4427"/>
                </a:cubicBezTo>
                <a:cubicBezTo>
                  <a:pt x="10285" y="4427"/>
                  <a:pt x="10672" y="4327"/>
                  <a:pt x="11109" y="4080"/>
                </a:cubicBezTo>
                <a:cubicBezTo>
                  <a:pt x="12465" y="3321"/>
                  <a:pt x="13234" y="1282"/>
                  <a:pt x="13597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1" name="Google Shape;71;p6"/>
          <p:cNvSpPr txBox="1">
            <a:spLocks noGrp="1"/>
          </p:cNvSpPr>
          <p:nvPr>
            <p:ph type="ctrTitle"/>
          </p:nvPr>
        </p:nvSpPr>
        <p:spPr>
          <a:xfrm flipH="1">
            <a:off x="1119638" y="1950940"/>
            <a:ext cx="3158100" cy="1241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>
            <a:lvl1pPr lvl="0" algn="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2400"/>
              <a:buNone/>
              <a:defRPr sz="2400" b="0">
                <a:solidFill>
                  <a:srgbClr val="FFFFFF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72" name="Google Shape;72;p6"/>
          <p:cNvSpPr txBox="1">
            <a:spLocks noGrp="1"/>
          </p:cNvSpPr>
          <p:nvPr>
            <p:ph type="subTitle" idx="1"/>
          </p:nvPr>
        </p:nvSpPr>
        <p:spPr>
          <a:xfrm>
            <a:off x="4670656" y="1815144"/>
            <a:ext cx="3353700" cy="1513200"/>
          </a:xfrm>
          <a:prstGeom prst="rect">
            <a:avLst/>
          </a:prstGeom>
        </p:spPr>
        <p:txBody>
          <a:bodyPr spcFirstLastPara="1" wrap="square" lIns="68575" tIns="34275" rIns="68575" bIns="34275" anchor="ctr" anchorCtr="0">
            <a:noAutofit/>
          </a:bodyPr>
          <a:lstStyle>
            <a:lvl1pPr lvl="0" rtl="0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1pPr>
            <a:lvl2pPr lvl="1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None/>
              <a:defRPr>
                <a:solidFill>
                  <a:srgbClr val="FFFFFF"/>
                </a:solidFill>
              </a:defRPr>
            </a:lvl2pPr>
            <a:lvl3pPr lvl="2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None/>
              <a:defRPr>
                <a:solidFill>
                  <a:srgbClr val="FFFFFF"/>
                </a:solidFill>
              </a:defRPr>
            </a:lvl3pPr>
            <a:lvl4pPr lvl="3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None/>
              <a:defRPr>
                <a:solidFill>
                  <a:srgbClr val="FFFFFF"/>
                </a:solidFill>
              </a:defRPr>
            </a:lvl4pPr>
            <a:lvl5pPr lvl="4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None/>
              <a:defRPr>
                <a:solidFill>
                  <a:srgbClr val="FFFFFF"/>
                </a:solidFill>
              </a:defRPr>
            </a:lvl5pPr>
            <a:lvl6pPr lvl="5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None/>
              <a:defRPr sz="900">
                <a:solidFill>
                  <a:srgbClr val="FFFFFF"/>
                </a:solidFill>
              </a:defRPr>
            </a:lvl6pPr>
            <a:lvl7pPr lvl="6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None/>
              <a:defRPr sz="900">
                <a:solidFill>
                  <a:srgbClr val="FFFFFF"/>
                </a:solidFill>
              </a:defRPr>
            </a:lvl7pPr>
            <a:lvl8pPr lvl="7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None/>
              <a:defRPr sz="900">
                <a:solidFill>
                  <a:srgbClr val="FFFFFF"/>
                </a:solidFill>
              </a:defRPr>
            </a:lvl8pPr>
            <a:lvl9pPr lvl="8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None/>
              <a:defRPr sz="9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IG NUMBER + SUBTITLE">
  <p:cSld name="1_Título y objetos_2"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8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3" name="Google Shape;83;p8"/>
          <p:cNvSpPr/>
          <p:nvPr/>
        </p:nvSpPr>
        <p:spPr>
          <a:xfrm flipH="1">
            <a:off x="2266913" y="876994"/>
            <a:ext cx="4606800" cy="4323900"/>
          </a:xfrm>
          <a:prstGeom prst="rect">
            <a:avLst/>
          </a:prstGeom>
          <a:noFill/>
          <a:ln w="28575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68575" tIns="68575" rIns="68575" bIns="68575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endParaRPr sz="1100">
              <a:solidFill>
                <a:srgbClr val="434343"/>
              </a:solidFill>
            </a:endParaRPr>
          </a:p>
        </p:txBody>
      </p:sp>
      <p:sp>
        <p:nvSpPr>
          <p:cNvPr id="84" name="Google Shape;84;p8"/>
          <p:cNvSpPr txBox="1">
            <a:spLocks noGrp="1"/>
          </p:cNvSpPr>
          <p:nvPr>
            <p:ph type="title" hasCustomPrompt="1"/>
          </p:nvPr>
        </p:nvSpPr>
        <p:spPr>
          <a:xfrm>
            <a:off x="1375175" y="2420792"/>
            <a:ext cx="6390300" cy="723300"/>
          </a:xfrm>
          <a:prstGeom prst="rect">
            <a:avLst/>
          </a:prstGeom>
        </p:spPr>
        <p:txBody>
          <a:bodyPr spcFirstLastPara="1" wrap="square" lIns="68575" tIns="34275" rIns="68575" bIns="34275" anchor="b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5400"/>
              <a:buNone/>
              <a:defRPr sz="5400" b="0">
                <a:solidFill>
                  <a:srgbClr val="FFFFFF"/>
                </a:solidFill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Nunito Sans"/>
              <a:buNone/>
              <a:defRPr sz="3900" b="1">
                <a:solidFill>
                  <a:srgbClr val="FFFFFF"/>
                </a:solidFill>
                <a:latin typeface="Nunito Sans"/>
                <a:ea typeface="Nunito Sans"/>
                <a:cs typeface="Nunito Sans"/>
                <a:sym typeface="Nunito Sans"/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Nunito Sans"/>
              <a:buNone/>
              <a:defRPr sz="3900" b="1">
                <a:solidFill>
                  <a:srgbClr val="FFFFFF"/>
                </a:solidFill>
                <a:latin typeface="Nunito Sans"/>
                <a:ea typeface="Nunito Sans"/>
                <a:cs typeface="Nunito Sans"/>
                <a:sym typeface="Nunito Sans"/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Nunito Sans"/>
              <a:buNone/>
              <a:defRPr sz="3900" b="1">
                <a:solidFill>
                  <a:srgbClr val="FFFFFF"/>
                </a:solidFill>
                <a:latin typeface="Nunito Sans"/>
                <a:ea typeface="Nunito Sans"/>
                <a:cs typeface="Nunito Sans"/>
                <a:sym typeface="Nunito Sans"/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Nunito Sans"/>
              <a:buNone/>
              <a:defRPr sz="3900" b="1">
                <a:solidFill>
                  <a:srgbClr val="FFFFFF"/>
                </a:solidFill>
                <a:latin typeface="Nunito Sans"/>
                <a:ea typeface="Nunito Sans"/>
                <a:cs typeface="Nunito Sans"/>
                <a:sym typeface="Nunito Sans"/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Nunito Sans"/>
              <a:buNone/>
              <a:defRPr sz="3900" b="1">
                <a:solidFill>
                  <a:srgbClr val="FFFFFF"/>
                </a:solidFill>
                <a:latin typeface="Nunito Sans"/>
                <a:ea typeface="Nunito Sans"/>
                <a:cs typeface="Nunito Sans"/>
                <a:sym typeface="Nunito Sans"/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Nunito Sans"/>
              <a:buNone/>
              <a:defRPr sz="3900" b="1">
                <a:solidFill>
                  <a:srgbClr val="FFFFFF"/>
                </a:solidFill>
                <a:latin typeface="Nunito Sans"/>
                <a:ea typeface="Nunito Sans"/>
                <a:cs typeface="Nunito Sans"/>
                <a:sym typeface="Nunito Sans"/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Nunito Sans"/>
              <a:buNone/>
              <a:defRPr sz="3900" b="1">
                <a:solidFill>
                  <a:srgbClr val="FFFFFF"/>
                </a:solidFill>
                <a:latin typeface="Nunito Sans"/>
                <a:ea typeface="Nunito Sans"/>
                <a:cs typeface="Nunito Sans"/>
                <a:sym typeface="Nunito Sans"/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900"/>
              <a:buFont typeface="Nunito Sans"/>
              <a:buNone/>
              <a:defRPr sz="3900" b="1">
                <a:solidFill>
                  <a:srgbClr val="FFFFFF"/>
                </a:solidFill>
                <a:latin typeface="Nunito Sans"/>
                <a:ea typeface="Nunito Sans"/>
                <a:cs typeface="Nunito Sans"/>
                <a:sym typeface="Nunito Sans"/>
              </a:defRPr>
            </a:lvl9pPr>
          </a:lstStyle>
          <a:p>
            <a:r>
              <a:t>xx%</a:t>
            </a:r>
          </a:p>
        </p:txBody>
      </p:sp>
      <p:sp>
        <p:nvSpPr>
          <p:cNvPr id="85" name="Google Shape;85;p8"/>
          <p:cNvSpPr txBox="1">
            <a:spLocks noGrp="1"/>
          </p:cNvSpPr>
          <p:nvPr>
            <p:ph type="subTitle" idx="1"/>
          </p:nvPr>
        </p:nvSpPr>
        <p:spPr>
          <a:xfrm>
            <a:off x="2895188" y="3034744"/>
            <a:ext cx="3353700" cy="233700"/>
          </a:xfrm>
          <a:prstGeom prst="rect">
            <a:avLst/>
          </a:prstGeom>
        </p:spPr>
        <p:txBody>
          <a:bodyPr spcFirstLastPara="1" wrap="square" lIns="68575" tIns="34275" rIns="68575" bIns="34275" anchor="t" anchorCtr="0">
            <a:noAutofit/>
          </a:bodyPr>
          <a:lstStyle>
            <a:lvl1pPr lvl="0" algn="ctr" rtl="0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rgbClr val="FFFFFF"/>
              </a:buClr>
              <a:buSzPts val="1200"/>
              <a:buFont typeface="Roboto"/>
              <a:buNone/>
              <a:defRPr sz="1200">
                <a:solidFill>
                  <a:srgbClr val="FFFFFF"/>
                </a:solidFill>
              </a:defRPr>
            </a:lvl1pPr>
            <a:lvl2pPr lvl="1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Font typeface="Roboto"/>
              <a:buNone/>
              <a:defRPr>
                <a:solidFill>
                  <a:srgbClr val="FFFFFF"/>
                </a:solidFill>
              </a:defRPr>
            </a:lvl2pPr>
            <a:lvl3pPr lvl="2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Font typeface="Roboto"/>
              <a:buNone/>
              <a:defRPr>
                <a:solidFill>
                  <a:srgbClr val="FFFFFF"/>
                </a:solidFill>
              </a:defRPr>
            </a:lvl3pPr>
            <a:lvl4pPr lvl="3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Font typeface="Roboto"/>
              <a:buNone/>
              <a:defRPr>
                <a:solidFill>
                  <a:srgbClr val="FFFFFF"/>
                </a:solidFill>
              </a:defRPr>
            </a:lvl4pPr>
            <a:lvl5pPr lvl="4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Font typeface="Roboto"/>
              <a:buNone/>
              <a:defRPr>
                <a:solidFill>
                  <a:srgbClr val="FFFFFF"/>
                </a:solidFill>
              </a:defRPr>
            </a:lvl5pPr>
            <a:lvl6pPr lvl="5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Font typeface="Roboto"/>
              <a:buNone/>
              <a:defRPr sz="900">
                <a:solidFill>
                  <a:srgbClr val="FFFFFF"/>
                </a:solidFill>
                <a:latin typeface="Roboto"/>
                <a:ea typeface="Roboto"/>
                <a:cs typeface="Roboto"/>
                <a:sym typeface="Roboto"/>
              </a:defRPr>
            </a:lvl6pPr>
            <a:lvl7pPr lvl="6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Font typeface="Roboto"/>
              <a:buNone/>
              <a:defRPr sz="900">
                <a:solidFill>
                  <a:srgbClr val="FFFFFF"/>
                </a:solidFill>
                <a:latin typeface="Roboto"/>
                <a:ea typeface="Roboto"/>
                <a:cs typeface="Roboto"/>
                <a:sym typeface="Roboto"/>
              </a:defRPr>
            </a:lvl7pPr>
            <a:lvl8pPr lvl="7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Font typeface="Roboto"/>
              <a:buNone/>
              <a:defRPr sz="900">
                <a:solidFill>
                  <a:srgbClr val="FFFFFF"/>
                </a:solidFill>
                <a:latin typeface="Roboto"/>
                <a:ea typeface="Roboto"/>
                <a:cs typeface="Roboto"/>
                <a:sym typeface="Roboto"/>
              </a:defRPr>
            </a:lvl8pPr>
            <a:lvl9pPr lvl="8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900"/>
              <a:buFont typeface="Roboto"/>
              <a:buNone/>
              <a:defRPr sz="900">
                <a:solidFill>
                  <a:srgbClr val="FFFFFF"/>
                </a:solidFill>
                <a:latin typeface="Roboto"/>
                <a:ea typeface="Roboto"/>
                <a:cs typeface="Roboto"/>
                <a:sym typeface="Roboto"/>
              </a:defRPr>
            </a:lvl9pPr>
          </a:lstStyle>
          <a:p>
            <a:endParaRPr/>
          </a:p>
        </p:txBody>
      </p:sp>
      <p:sp>
        <p:nvSpPr>
          <p:cNvPr id="86" name="Google Shape;86;p8"/>
          <p:cNvSpPr/>
          <p:nvPr/>
        </p:nvSpPr>
        <p:spPr>
          <a:xfrm rot="10800000" flipH="1">
            <a:off x="5059867" y="0"/>
            <a:ext cx="4037101" cy="1751811"/>
          </a:xfrm>
          <a:custGeom>
            <a:avLst/>
            <a:gdLst/>
            <a:ahLst/>
            <a:cxnLst/>
            <a:rect l="l" t="t" r="r" b="b"/>
            <a:pathLst>
              <a:path w="16482" h="7152" extrusionOk="0">
                <a:moveTo>
                  <a:pt x="12713" y="1"/>
                </a:moveTo>
                <a:cubicBezTo>
                  <a:pt x="12371" y="1"/>
                  <a:pt x="12082" y="52"/>
                  <a:pt x="11867" y="166"/>
                </a:cubicBezTo>
                <a:cubicBezTo>
                  <a:pt x="9966" y="1202"/>
                  <a:pt x="12508" y="5496"/>
                  <a:pt x="10842" y="5581"/>
                </a:cubicBezTo>
                <a:cubicBezTo>
                  <a:pt x="10817" y="5582"/>
                  <a:pt x="10791" y="5583"/>
                  <a:pt x="10766" y="5583"/>
                </a:cubicBezTo>
                <a:cubicBezTo>
                  <a:pt x="9256" y="5583"/>
                  <a:pt x="8019" y="3281"/>
                  <a:pt x="6884" y="3281"/>
                </a:cubicBezTo>
                <a:cubicBezTo>
                  <a:pt x="6793" y="3281"/>
                  <a:pt x="6702" y="3296"/>
                  <a:pt x="6612" y="3328"/>
                </a:cubicBezTo>
                <a:cubicBezTo>
                  <a:pt x="5384" y="3765"/>
                  <a:pt x="6836" y="6692"/>
                  <a:pt x="5715" y="6905"/>
                </a:cubicBezTo>
                <a:cubicBezTo>
                  <a:pt x="5677" y="6913"/>
                  <a:pt x="5638" y="6916"/>
                  <a:pt x="5597" y="6916"/>
                </a:cubicBezTo>
                <a:cubicBezTo>
                  <a:pt x="4898" y="6916"/>
                  <a:pt x="3858" y="5884"/>
                  <a:pt x="2503" y="5884"/>
                </a:cubicBezTo>
                <a:cubicBezTo>
                  <a:pt x="1761" y="5884"/>
                  <a:pt x="926" y="6193"/>
                  <a:pt x="0" y="7152"/>
                </a:cubicBezTo>
                <a:lnTo>
                  <a:pt x="16481" y="7152"/>
                </a:lnTo>
                <a:lnTo>
                  <a:pt x="16481" y="935"/>
                </a:lnTo>
                <a:cubicBezTo>
                  <a:pt x="15078" y="407"/>
                  <a:pt x="13680" y="1"/>
                  <a:pt x="12713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57163" dist="66675" dir="101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87" name="Google Shape;87;p8"/>
          <p:cNvSpPr/>
          <p:nvPr/>
        </p:nvSpPr>
        <p:spPr>
          <a:xfrm rot="10800000" flipH="1">
            <a:off x="6" y="3324574"/>
            <a:ext cx="4319762" cy="1818924"/>
          </a:xfrm>
          <a:custGeom>
            <a:avLst/>
            <a:gdLst/>
            <a:ahLst/>
            <a:cxnLst/>
            <a:rect l="l" t="t" r="r" b="b"/>
            <a:pathLst>
              <a:path w="17636" h="7426" extrusionOk="0">
                <a:moveTo>
                  <a:pt x="1" y="0"/>
                </a:moveTo>
                <a:lnTo>
                  <a:pt x="1" y="7337"/>
                </a:lnTo>
                <a:cubicBezTo>
                  <a:pt x="269" y="7393"/>
                  <a:pt x="537" y="7425"/>
                  <a:pt x="798" y="7425"/>
                </a:cubicBezTo>
                <a:cubicBezTo>
                  <a:pt x="1649" y="7425"/>
                  <a:pt x="2433" y="7078"/>
                  <a:pt x="2981" y="6024"/>
                </a:cubicBezTo>
                <a:cubicBezTo>
                  <a:pt x="3804" y="4415"/>
                  <a:pt x="4473" y="3985"/>
                  <a:pt x="5073" y="3985"/>
                </a:cubicBezTo>
                <a:cubicBezTo>
                  <a:pt x="5492" y="3985"/>
                  <a:pt x="5878" y="4195"/>
                  <a:pt x="6260" y="4358"/>
                </a:cubicBezTo>
                <a:cubicBezTo>
                  <a:pt x="6925" y="4645"/>
                  <a:pt x="8958" y="6071"/>
                  <a:pt x="10742" y="6071"/>
                </a:cubicBezTo>
                <a:cubicBezTo>
                  <a:pt x="11479" y="6071"/>
                  <a:pt x="12174" y="5827"/>
                  <a:pt x="12711" y="5158"/>
                </a:cubicBezTo>
                <a:cubicBezTo>
                  <a:pt x="14242" y="3274"/>
                  <a:pt x="14182" y="2723"/>
                  <a:pt x="14535" y="2723"/>
                </a:cubicBezTo>
                <a:cubicBezTo>
                  <a:pt x="14608" y="2723"/>
                  <a:pt x="14699" y="2747"/>
                  <a:pt x="14826" y="2787"/>
                </a:cubicBezTo>
                <a:cubicBezTo>
                  <a:pt x="15192" y="2904"/>
                  <a:pt x="15715" y="3135"/>
                  <a:pt x="16195" y="3135"/>
                </a:cubicBezTo>
                <a:cubicBezTo>
                  <a:pt x="16680" y="3135"/>
                  <a:pt x="17121" y="2899"/>
                  <a:pt x="17315" y="2072"/>
                </a:cubicBezTo>
                <a:cubicBezTo>
                  <a:pt x="17635" y="726"/>
                  <a:pt x="16396" y="160"/>
                  <a:pt x="15936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57163" dist="19050" dir="1062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88" name="Google Shape;88;p8"/>
          <p:cNvSpPr/>
          <p:nvPr/>
        </p:nvSpPr>
        <p:spPr>
          <a:xfrm rot="10800000" flipH="1">
            <a:off x="7359611" y="0"/>
            <a:ext cx="1784388" cy="1829457"/>
          </a:xfrm>
          <a:custGeom>
            <a:avLst/>
            <a:gdLst/>
            <a:ahLst/>
            <a:cxnLst/>
            <a:rect l="l" t="t" r="r" b="b"/>
            <a:pathLst>
              <a:path w="7285" h="7469" extrusionOk="0">
                <a:moveTo>
                  <a:pt x="6450" y="1"/>
                </a:moveTo>
                <a:cubicBezTo>
                  <a:pt x="6380" y="1"/>
                  <a:pt x="6309" y="15"/>
                  <a:pt x="6238" y="45"/>
                </a:cubicBezTo>
                <a:cubicBezTo>
                  <a:pt x="5265" y="441"/>
                  <a:pt x="6675" y="2801"/>
                  <a:pt x="5875" y="3548"/>
                </a:cubicBezTo>
                <a:cubicBezTo>
                  <a:pt x="5691" y="3722"/>
                  <a:pt x="5482" y="3788"/>
                  <a:pt x="5252" y="3788"/>
                </a:cubicBezTo>
                <a:cubicBezTo>
                  <a:pt x="4549" y="3788"/>
                  <a:pt x="3649" y="3177"/>
                  <a:pt x="2672" y="3177"/>
                </a:cubicBezTo>
                <a:cubicBezTo>
                  <a:pt x="2143" y="3177"/>
                  <a:pt x="1591" y="3357"/>
                  <a:pt x="1036" y="3911"/>
                </a:cubicBezTo>
                <a:cubicBezTo>
                  <a:pt x="0" y="4948"/>
                  <a:pt x="235" y="6368"/>
                  <a:pt x="673" y="7469"/>
                </a:cubicBezTo>
                <a:lnTo>
                  <a:pt x="7285" y="7469"/>
                </a:lnTo>
                <a:lnTo>
                  <a:pt x="7285" y="515"/>
                </a:lnTo>
                <a:cubicBezTo>
                  <a:pt x="6995" y="217"/>
                  <a:pt x="6726" y="1"/>
                  <a:pt x="6450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57163" dist="66675" dir="101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89" name="Google Shape;89;p8"/>
          <p:cNvSpPr/>
          <p:nvPr/>
        </p:nvSpPr>
        <p:spPr>
          <a:xfrm rot="10800000" flipH="1">
            <a:off x="-132275" y="1"/>
            <a:ext cx="2896416" cy="2836160"/>
          </a:xfrm>
          <a:custGeom>
            <a:avLst/>
            <a:gdLst/>
            <a:ahLst/>
            <a:cxnLst/>
            <a:rect l="l" t="t" r="r" b="b"/>
            <a:pathLst>
              <a:path w="11825" h="11579" extrusionOk="0">
                <a:moveTo>
                  <a:pt x="524" y="1"/>
                </a:moveTo>
                <a:lnTo>
                  <a:pt x="524" y="11579"/>
                </a:lnTo>
                <a:lnTo>
                  <a:pt x="9453" y="11579"/>
                </a:lnTo>
                <a:cubicBezTo>
                  <a:pt x="9368" y="11408"/>
                  <a:pt x="9304" y="11226"/>
                  <a:pt x="9271" y="11002"/>
                </a:cubicBezTo>
                <a:cubicBezTo>
                  <a:pt x="8994" y="8876"/>
                  <a:pt x="11824" y="6195"/>
                  <a:pt x="10158" y="5405"/>
                </a:cubicBezTo>
                <a:cubicBezTo>
                  <a:pt x="10071" y="5363"/>
                  <a:pt x="9979" y="5343"/>
                  <a:pt x="9883" y="5343"/>
                </a:cubicBezTo>
                <a:cubicBezTo>
                  <a:pt x="8906" y="5343"/>
                  <a:pt x="7498" y="7379"/>
                  <a:pt x="6302" y="8662"/>
                </a:cubicBezTo>
                <a:cubicBezTo>
                  <a:pt x="5772" y="9229"/>
                  <a:pt x="5197" y="9556"/>
                  <a:pt x="4762" y="9556"/>
                </a:cubicBezTo>
                <a:cubicBezTo>
                  <a:pt x="4433" y="9556"/>
                  <a:pt x="4183" y="9370"/>
                  <a:pt x="4092" y="8961"/>
                </a:cubicBezTo>
                <a:cubicBezTo>
                  <a:pt x="3803" y="7701"/>
                  <a:pt x="5800" y="5928"/>
                  <a:pt x="4818" y="4604"/>
                </a:cubicBezTo>
                <a:cubicBezTo>
                  <a:pt x="3824" y="3279"/>
                  <a:pt x="2660" y="4326"/>
                  <a:pt x="1197" y="3215"/>
                </a:cubicBezTo>
                <a:cubicBezTo>
                  <a:pt x="0" y="2308"/>
                  <a:pt x="1496" y="908"/>
                  <a:pt x="524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57163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90" name="Google Shape;90;p8"/>
          <p:cNvSpPr/>
          <p:nvPr/>
        </p:nvSpPr>
        <p:spPr>
          <a:xfrm rot="10800000" flipH="1">
            <a:off x="-3926" y="3937414"/>
            <a:ext cx="6252828" cy="1206085"/>
          </a:xfrm>
          <a:custGeom>
            <a:avLst/>
            <a:gdLst/>
            <a:ahLst/>
            <a:cxnLst/>
            <a:rect l="l" t="t" r="r" b="b"/>
            <a:pathLst>
              <a:path w="25528" h="4924" extrusionOk="0">
                <a:moveTo>
                  <a:pt x="0" y="0"/>
                </a:moveTo>
                <a:lnTo>
                  <a:pt x="0" y="4923"/>
                </a:lnTo>
                <a:cubicBezTo>
                  <a:pt x="1550" y="3518"/>
                  <a:pt x="1590" y="405"/>
                  <a:pt x="2664" y="405"/>
                </a:cubicBezTo>
                <a:cubicBezTo>
                  <a:pt x="2701" y="405"/>
                  <a:pt x="2738" y="409"/>
                  <a:pt x="2777" y="416"/>
                </a:cubicBezTo>
                <a:cubicBezTo>
                  <a:pt x="4454" y="715"/>
                  <a:pt x="4956" y="2915"/>
                  <a:pt x="6515" y="3684"/>
                </a:cubicBezTo>
                <a:cubicBezTo>
                  <a:pt x="6748" y="3801"/>
                  <a:pt x="6966" y="3853"/>
                  <a:pt x="7169" y="3853"/>
                </a:cubicBezTo>
                <a:cubicBezTo>
                  <a:pt x="8328" y="3853"/>
                  <a:pt x="9043" y="2186"/>
                  <a:pt x="9687" y="1377"/>
                </a:cubicBezTo>
                <a:cubicBezTo>
                  <a:pt x="9901" y="1110"/>
                  <a:pt x="10157" y="974"/>
                  <a:pt x="10478" y="974"/>
                </a:cubicBezTo>
                <a:cubicBezTo>
                  <a:pt x="11308" y="974"/>
                  <a:pt x="12574" y="1881"/>
                  <a:pt x="14686" y="3738"/>
                </a:cubicBezTo>
                <a:cubicBezTo>
                  <a:pt x="15116" y="4116"/>
                  <a:pt x="15689" y="4278"/>
                  <a:pt x="16352" y="4278"/>
                </a:cubicBezTo>
                <a:cubicBezTo>
                  <a:pt x="19060" y="4278"/>
                  <a:pt x="23279" y="1587"/>
                  <a:pt x="25527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57163" dist="19050" dir="1062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HEADLINE 1">
  <p:cSld name="2_Título y objetos"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10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" name="Google Shape;105;p10"/>
          <p:cNvSpPr/>
          <p:nvPr/>
        </p:nvSpPr>
        <p:spPr>
          <a:xfrm rot="5400000">
            <a:off x="3934472" y="-59473"/>
            <a:ext cx="5361831" cy="5057276"/>
          </a:xfrm>
          <a:custGeom>
            <a:avLst/>
            <a:gdLst/>
            <a:ahLst/>
            <a:cxnLst/>
            <a:rect l="l" t="t" r="r" b="b"/>
            <a:pathLst>
              <a:path w="21053" h="20647" extrusionOk="0">
                <a:moveTo>
                  <a:pt x="738" y="0"/>
                </a:moveTo>
                <a:lnTo>
                  <a:pt x="738" y="20647"/>
                </a:lnTo>
                <a:cubicBezTo>
                  <a:pt x="2874" y="19194"/>
                  <a:pt x="4764" y="13661"/>
                  <a:pt x="2628" y="12967"/>
                </a:cubicBezTo>
                <a:cubicBezTo>
                  <a:pt x="866" y="12390"/>
                  <a:pt x="0" y="10831"/>
                  <a:pt x="2051" y="8919"/>
                </a:cubicBezTo>
                <a:cubicBezTo>
                  <a:pt x="4102" y="7007"/>
                  <a:pt x="919" y="5587"/>
                  <a:pt x="2030" y="4187"/>
                </a:cubicBezTo>
                <a:cubicBezTo>
                  <a:pt x="2299" y="3843"/>
                  <a:pt x="2637" y="3724"/>
                  <a:pt x="3010" y="3724"/>
                </a:cubicBezTo>
                <a:cubicBezTo>
                  <a:pt x="3839" y="3724"/>
                  <a:pt x="4845" y="4307"/>
                  <a:pt x="5669" y="4307"/>
                </a:cubicBezTo>
                <a:cubicBezTo>
                  <a:pt x="5994" y="4307"/>
                  <a:pt x="6291" y="4217"/>
                  <a:pt x="6537" y="3963"/>
                </a:cubicBezTo>
                <a:cubicBezTo>
                  <a:pt x="7663" y="2806"/>
                  <a:pt x="7494" y="84"/>
                  <a:pt x="9550" y="84"/>
                </a:cubicBezTo>
                <a:cubicBezTo>
                  <a:pt x="9581" y="84"/>
                  <a:pt x="9613" y="84"/>
                  <a:pt x="9646" y="86"/>
                </a:cubicBezTo>
                <a:cubicBezTo>
                  <a:pt x="11723" y="158"/>
                  <a:pt x="13041" y="3333"/>
                  <a:pt x="15826" y="3333"/>
                </a:cubicBezTo>
                <a:cubicBezTo>
                  <a:pt x="15918" y="3333"/>
                  <a:pt x="16012" y="3330"/>
                  <a:pt x="16107" y="3322"/>
                </a:cubicBezTo>
                <a:cubicBezTo>
                  <a:pt x="18383" y="3151"/>
                  <a:pt x="20070" y="1378"/>
                  <a:pt x="21053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06" name="Google Shape;106;p10"/>
          <p:cNvSpPr txBox="1">
            <a:spLocks noGrp="1"/>
          </p:cNvSpPr>
          <p:nvPr>
            <p:ph type="ctrTitle"/>
          </p:nvPr>
        </p:nvSpPr>
        <p:spPr>
          <a:xfrm>
            <a:off x="19" y="2446475"/>
            <a:ext cx="9144000" cy="464400"/>
          </a:xfrm>
          <a:prstGeom prst="rect">
            <a:avLst/>
          </a:prstGeom>
        </p:spPr>
        <p:txBody>
          <a:bodyPr spcFirstLastPara="1" wrap="square" lIns="68575" tIns="34275" rIns="68575" bIns="34275" anchor="b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 b="0">
                <a:solidFill>
                  <a:srgbClr val="FFFFFF"/>
                </a:solidFill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107" name="Google Shape;107;p10"/>
          <p:cNvSpPr txBox="1">
            <a:spLocks noGrp="1"/>
          </p:cNvSpPr>
          <p:nvPr>
            <p:ph type="subTitle" idx="1"/>
          </p:nvPr>
        </p:nvSpPr>
        <p:spPr>
          <a:xfrm>
            <a:off x="3244369" y="2862763"/>
            <a:ext cx="2655300" cy="792600"/>
          </a:xfrm>
          <a:prstGeom prst="rect">
            <a:avLst/>
          </a:prstGeom>
        </p:spPr>
        <p:txBody>
          <a:bodyPr spcFirstLastPara="1" wrap="square" lIns="68575" tIns="34275" rIns="68575" bIns="34275" anchor="t" anchorCtr="0">
            <a:noAutofit/>
          </a:bodyPr>
          <a:lstStyle>
            <a:lvl1pPr lvl="0" algn="ctr" rtl="0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1pPr>
            <a:lvl2pPr lvl="1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2pPr>
            <a:lvl3pPr lvl="2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3pPr>
            <a:lvl4pPr lvl="3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4pPr>
            <a:lvl5pPr lvl="4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5pPr>
            <a:lvl6pPr lvl="5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6pPr>
            <a:lvl7pPr lvl="6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7pPr>
            <a:lvl8pPr lvl="7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8pPr>
            <a:lvl9pPr lvl="8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108" name="Google Shape;108;p10"/>
          <p:cNvSpPr txBox="1">
            <a:spLocks noGrp="1"/>
          </p:cNvSpPr>
          <p:nvPr>
            <p:ph type="ctrTitle" idx="2"/>
          </p:nvPr>
        </p:nvSpPr>
        <p:spPr>
          <a:xfrm>
            <a:off x="1488877" y="1982075"/>
            <a:ext cx="6166200" cy="464400"/>
          </a:xfrm>
          <a:prstGeom prst="rect">
            <a:avLst/>
          </a:prstGeom>
        </p:spPr>
        <p:txBody>
          <a:bodyPr spcFirstLastPara="1" wrap="square" lIns="68575" tIns="34275" rIns="68575" bIns="34275" anchor="b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 b="0">
                <a:solidFill>
                  <a:srgbClr val="FFFFFF"/>
                </a:solidFill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109" name="Google Shape;109;p10"/>
          <p:cNvSpPr/>
          <p:nvPr/>
        </p:nvSpPr>
        <p:spPr>
          <a:xfrm>
            <a:off x="27511" y="0"/>
            <a:ext cx="1957071" cy="2650496"/>
          </a:xfrm>
          <a:custGeom>
            <a:avLst/>
            <a:gdLst/>
            <a:ahLst/>
            <a:cxnLst/>
            <a:rect l="l" t="t" r="r" b="b"/>
            <a:pathLst>
              <a:path w="7990" h="10821" extrusionOk="0">
                <a:moveTo>
                  <a:pt x="4049" y="0"/>
                </a:moveTo>
                <a:lnTo>
                  <a:pt x="1016" y="1880"/>
                </a:lnTo>
                <a:lnTo>
                  <a:pt x="1" y="6655"/>
                </a:lnTo>
                <a:cubicBezTo>
                  <a:pt x="1" y="6655"/>
                  <a:pt x="55" y="6826"/>
                  <a:pt x="150" y="7092"/>
                </a:cubicBezTo>
                <a:cubicBezTo>
                  <a:pt x="1293" y="7455"/>
                  <a:pt x="3793" y="8417"/>
                  <a:pt x="4551" y="10030"/>
                </a:cubicBezTo>
                <a:cubicBezTo>
                  <a:pt x="4690" y="10318"/>
                  <a:pt x="4764" y="10574"/>
                  <a:pt x="4797" y="10820"/>
                </a:cubicBezTo>
                <a:cubicBezTo>
                  <a:pt x="5609" y="10403"/>
                  <a:pt x="6271" y="9698"/>
                  <a:pt x="6324" y="8844"/>
                </a:cubicBezTo>
                <a:cubicBezTo>
                  <a:pt x="6409" y="7103"/>
                  <a:pt x="3440" y="7092"/>
                  <a:pt x="3867" y="6516"/>
                </a:cubicBezTo>
                <a:cubicBezTo>
                  <a:pt x="4294" y="5939"/>
                  <a:pt x="6313" y="6558"/>
                  <a:pt x="7135" y="4903"/>
                </a:cubicBezTo>
                <a:cubicBezTo>
                  <a:pt x="7990" y="3173"/>
                  <a:pt x="5908" y="876"/>
                  <a:pt x="5010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0" name="Google Shape;110;p10"/>
          <p:cNvSpPr/>
          <p:nvPr/>
        </p:nvSpPr>
        <p:spPr>
          <a:xfrm>
            <a:off x="-192200" y="-18932"/>
            <a:ext cx="5244671" cy="5143477"/>
          </a:xfrm>
          <a:custGeom>
            <a:avLst/>
            <a:gdLst/>
            <a:ahLst/>
            <a:cxnLst/>
            <a:rect l="l" t="t" r="r" b="b"/>
            <a:pathLst>
              <a:path w="21053" h="20647" extrusionOk="0">
                <a:moveTo>
                  <a:pt x="738" y="0"/>
                </a:moveTo>
                <a:lnTo>
                  <a:pt x="738" y="20647"/>
                </a:lnTo>
                <a:cubicBezTo>
                  <a:pt x="2874" y="19194"/>
                  <a:pt x="4764" y="13661"/>
                  <a:pt x="2628" y="12967"/>
                </a:cubicBezTo>
                <a:cubicBezTo>
                  <a:pt x="866" y="12390"/>
                  <a:pt x="0" y="10831"/>
                  <a:pt x="2051" y="8919"/>
                </a:cubicBezTo>
                <a:cubicBezTo>
                  <a:pt x="4102" y="7007"/>
                  <a:pt x="919" y="5587"/>
                  <a:pt x="2030" y="4187"/>
                </a:cubicBezTo>
                <a:cubicBezTo>
                  <a:pt x="2299" y="3843"/>
                  <a:pt x="2637" y="3724"/>
                  <a:pt x="3010" y="3724"/>
                </a:cubicBezTo>
                <a:cubicBezTo>
                  <a:pt x="3839" y="3724"/>
                  <a:pt x="4845" y="4307"/>
                  <a:pt x="5669" y="4307"/>
                </a:cubicBezTo>
                <a:cubicBezTo>
                  <a:pt x="5994" y="4307"/>
                  <a:pt x="6291" y="4217"/>
                  <a:pt x="6537" y="3963"/>
                </a:cubicBezTo>
                <a:cubicBezTo>
                  <a:pt x="7663" y="2806"/>
                  <a:pt x="7494" y="84"/>
                  <a:pt x="9550" y="84"/>
                </a:cubicBezTo>
                <a:cubicBezTo>
                  <a:pt x="9581" y="84"/>
                  <a:pt x="9613" y="84"/>
                  <a:pt x="9646" y="86"/>
                </a:cubicBezTo>
                <a:cubicBezTo>
                  <a:pt x="11723" y="158"/>
                  <a:pt x="13041" y="3333"/>
                  <a:pt x="15826" y="3333"/>
                </a:cubicBezTo>
                <a:cubicBezTo>
                  <a:pt x="15918" y="3333"/>
                  <a:pt x="16012" y="3330"/>
                  <a:pt x="16107" y="3322"/>
                </a:cubicBezTo>
                <a:cubicBezTo>
                  <a:pt x="18383" y="3151"/>
                  <a:pt x="20070" y="1378"/>
                  <a:pt x="21053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1" name="Google Shape;111;p10"/>
          <p:cNvSpPr/>
          <p:nvPr/>
        </p:nvSpPr>
        <p:spPr>
          <a:xfrm>
            <a:off x="6946144" y="2753776"/>
            <a:ext cx="2197847" cy="2399187"/>
          </a:xfrm>
          <a:custGeom>
            <a:avLst/>
            <a:gdLst/>
            <a:ahLst/>
            <a:cxnLst/>
            <a:rect l="l" t="t" r="r" b="b"/>
            <a:pathLst>
              <a:path w="8973" h="9795" extrusionOk="0">
                <a:moveTo>
                  <a:pt x="8482" y="1"/>
                </a:moveTo>
                <a:cubicBezTo>
                  <a:pt x="8430" y="1"/>
                  <a:pt x="8376" y="8"/>
                  <a:pt x="8320" y="22"/>
                </a:cubicBezTo>
                <a:cubicBezTo>
                  <a:pt x="7017" y="396"/>
                  <a:pt x="8513" y="4369"/>
                  <a:pt x="7135" y="5747"/>
                </a:cubicBezTo>
                <a:cubicBezTo>
                  <a:pt x="6110" y="6772"/>
                  <a:pt x="3696" y="5992"/>
                  <a:pt x="1603" y="7765"/>
                </a:cubicBezTo>
                <a:cubicBezTo>
                  <a:pt x="737" y="8503"/>
                  <a:pt x="246" y="9175"/>
                  <a:pt x="0" y="9795"/>
                </a:cubicBezTo>
                <a:lnTo>
                  <a:pt x="8972" y="9795"/>
                </a:lnTo>
                <a:lnTo>
                  <a:pt x="8972" y="203"/>
                </a:lnTo>
                <a:cubicBezTo>
                  <a:pt x="8815" y="80"/>
                  <a:pt x="8659" y="1"/>
                  <a:pt x="8482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2" name="Google Shape;112;p10"/>
          <p:cNvSpPr/>
          <p:nvPr/>
        </p:nvSpPr>
        <p:spPr>
          <a:xfrm>
            <a:off x="6666178" y="0"/>
            <a:ext cx="2477813" cy="2304151"/>
          </a:xfrm>
          <a:custGeom>
            <a:avLst/>
            <a:gdLst/>
            <a:ahLst/>
            <a:cxnLst/>
            <a:rect l="l" t="t" r="r" b="b"/>
            <a:pathLst>
              <a:path w="10116" h="9407" extrusionOk="0">
                <a:moveTo>
                  <a:pt x="0" y="0"/>
                </a:moveTo>
                <a:cubicBezTo>
                  <a:pt x="636" y="1119"/>
                  <a:pt x="2078" y="3205"/>
                  <a:pt x="4119" y="3205"/>
                </a:cubicBezTo>
                <a:cubicBezTo>
                  <a:pt x="4378" y="3205"/>
                  <a:pt x="4647" y="3171"/>
                  <a:pt x="4924" y="3098"/>
                </a:cubicBezTo>
                <a:cubicBezTo>
                  <a:pt x="6438" y="2690"/>
                  <a:pt x="6967" y="1149"/>
                  <a:pt x="7940" y="1149"/>
                </a:cubicBezTo>
                <a:cubicBezTo>
                  <a:pt x="8011" y="1149"/>
                  <a:pt x="8084" y="1158"/>
                  <a:pt x="8160" y="1175"/>
                </a:cubicBezTo>
                <a:cubicBezTo>
                  <a:pt x="8716" y="1293"/>
                  <a:pt x="9442" y="2447"/>
                  <a:pt x="9069" y="4379"/>
                </a:cubicBezTo>
                <a:cubicBezTo>
                  <a:pt x="8684" y="6387"/>
                  <a:pt x="8193" y="7616"/>
                  <a:pt x="8438" y="8374"/>
                </a:cubicBezTo>
                <a:cubicBezTo>
                  <a:pt x="8675" y="9108"/>
                  <a:pt x="9148" y="9406"/>
                  <a:pt x="9649" y="9406"/>
                </a:cubicBezTo>
                <a:cubicBezTo>
                  <a:pt x="9804" y="9406"/>
                  <a:pt x="9961" y="9378"/>
                  <a:pt x="10115" y="9325"/>
                </a:cubicBezTo>
                <a:lnTo>
                  <a:pt x="10115" y="0"/>
                </a:ln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3" name="Google Shape;113;p10"/>
          <p:cNvSpPr/>
          <p:nvPr/>
        </p:nvSpPr>
        <p:spPr>
          <a:xfrm>
            <a:off x="-11679" y="1723068"/>
            <a:ext cx="3019375" cy="3429895"/>
          </a:xfrm>
          <a:custGeom>
            <a:avLst/>
            <a:gdLst/>
            <a:ahLst/>
            <a:cxnLst/>
            <a:rect l="l" t="t" r="r" b="b"/>
            <a:pathLst>
              <a:path w="12327" h="14003" extrusionOk="0">
                <a:moveTo>
                  <a:pt x="1" y="1"/>
                </a:moveTo>
                <a:lnTo>
                  <a:pt x="1" y="14003"/>
                </a:lnTo>
                <a:lnTo>
                  <a:pt x="12327" y="14003"/>
                </a:lnTo>
                <a:cubicBezTo>
                  <a:pt x="11012" y="12977"/>
                  <a:pt x="11717" y="11204"/>
                  <a:pt x="10671" y="10276"/>
                </a:cubicBezTo>
                <a:cubicBezTo>
                  <a:pt x="10267" y="9919"/>
                  <a:pt x="9798" y="9790"/>
                  <a:pt x="9311" y="9790"/>
                </a:cubicBezTo>
                <a:cubicBezTo>
                  <a:pt x="8056" y="9790"/>
                  <a:pt x="6678" y="10643"/>
                  <a:pt x="5960" y="10643"/>
                </a:cubicBezTo>
                <a:cubicBezTo>
                  <a:pt x="5762" y="10643"/>
                  <a:pt x="5615" y="10578"/>
                  <a:pt x="5534" y="10414"/>
                </a:cubicBezTo>
                <a:cubicBezTo>
                  <a:pt x="5031" y="9421"/>
                  <a:pt x="5928" y="8705"/>
                  <a:pt x="4914" y="8097"/>
                </a:cubicBezTo>
                <a:cubicBezTo>
                  <a:pt x="4732" y="7979"/>
                  <a:pt x="4423" y="7936"/>
                  <a:pt x="4070" y="7904"/>
                </a:cubicBezTo>
                <a:cubicBezTo>
                  <a:pt x="3440" y="7851"/>
                  <a:pt x="2810" y="7840"/>
                  <a:pt x="3194" y="6943"/>
                </a:cubicBezTo>
                <a:cubicBezTo>
                  <a:pt x="3621" y="5918"/>
                  <a:pt x="5704" y="5127"/>
                  <a:pt x="4711" y="3034"/>
                </a:cubicBezTo>
                <a:cubicBezTo>
                  <a:pt x="3867" y="1250"/>
                  <a:pt x="887" y="257"/>
                  <a:pt x="1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4" name="Google Shape;114;p10"/>
          <p:cNvSpPr/>
          <p:nvPr/>
        </p:nvSpPr>
        <p:spPr>
          <a:xfrm>
            <a:off x="2487950" y="1420176"/>
            <a:ext cx="4263000" cy="2517000"/>
          </a:xfrm>
          <a:prstGeom prst="rect">
            <a:avLst/>
          </a:prstGeom>
          <a:noFill/>
          <a:ln w="28575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HEADLINE 1 1">
  <p:cSld name="2_Título y objetos_1"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1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Google Shape;116;p11"/>
          <p:cNvSpPr/>
          <p:nvPr/>
        </p:nvSpPr>
        <p:spPr>
          <a:xfrm>
            <a:off x="2487950" y="-168499"/>
            <a:ext cx="4263000" cy="2517000"/>
          </a:xfrm>
          <a:prstGeom prst="rect">
            <a:avLst/>
          </a:prstGeom>
          <a:noFill/>
          <a:ln w="28575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7" name="Google Shape;117;p11"/>
          <p:cNvSpPr/>
          <p:nvPr/>
        </p:nvSpPr>
        <p:spPr>
          <a:xfrm rot="5400000">
            <a:off x="3934472" y="-59473"/>
            <a:ext cx="5361831" cy="5057276"/>
          </a:xfrm>
          <a:custGeom>
            <a:avLst/>
            <a:gdLst/>
            <a:ahLst/>
            <a:cxnLst/>
            <a:rect l="l" t="t" r="r" b="b"/>
            <a:pathLst>
              <a:path w="21053" h="20647" extrusionOk="0">
                <a:moveTo>
                  <a:pt x="738" y="0"/>
                </a:moveTo>
                <a:lnTo>
                  <a:pt x="738" y="20647"/>
                </a:lnTo>
                <a:cubicBezTo>
                  <a:pt x="2874" y="19194"/>
                  <a:pt x="4764" y="13661"/>
                  <a:pt x="2628" y="12967"/>
                </a:cubicBezTo>
                <a:cubicBezTo>
                  <a:pt x="866" y="12390"/>
                  <a:pt x="0" y="10831"/>
                  <a:pt x="2051" y="8919"/>
                </a:cubicBezTo>
                <a:cubicBezTo>
                  <a:pt x="4102" y="7007"/>
                  <a:pt x="919" y="5587"/>
                  <a:pt x="2030" y="4187"/>
                </a:cubicBezTo>
                <a:cubicBezTo>
                  <a:pt x="2299" y="3843"/>
                  <a:pt x="2637" y="3724"/>
                  <a:pt x="3010" y="3724"/>
                </a:cubicBezTo>
                <a:cubicBezTo>
                  <a:pt x="3839" y="3724"/>
                  <a:pt x="4845" y="4307"/>
                  <a:pt x="5669" y="4307"/>
                </a:cubicBezTo>
                <a:cubicBezTo>
                  <a:pt x="5994" y="4307"/>
                  <a:pt x="6291" y="4217"/>
                  <a:pt x="6537" y="3963"/>
                </a:cubicBezTo>
                <a:cubicBezTo>
                  <a:pt x="7663" y="2806"/>
                  <a:pt x="7494" y="84"/>
                  <a:pt x="9550" y="84"/>
                </a:cubicBezTo>
                <a:cubicBezTo>
                  <a:pt x="9581" y="84"/>
                  <a:pt x="9613" y="84"/>
                  <a:pt x="9646" y="86"/>
                </a:cubicBezTo>
                <a:cubicBezTo>
                  <a:pt x="11723" y="158"/>
                  <a:pt x="13041" y="3333"/>
                  <a:pt x="15826" y="3333"/>
                </a:cubicBezTo>
                <a:cubicBezTo>
                  <a:pt x="15918" y="3333"/>
                  <a:pt x="16012" y="3330"/>
                  <a:pt x="16107" y="3322"/>
                </a:cubicBezTo>
                <a:cubicBezTo>
                  <a:pt x="18383" y="3151"/>
                  <a:pt x="20070" y="1378"/>
                  <a:pt x="21053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8" name="Google Shape;118;p11"/>
          <p:cNvSpPr txBox="1">
            <a:spLocks noGrp="1"/>
          </p:cNvSpPr>
          <p:nvPr>
            <p:ph type="ctrTitle"/>
          </p:nvPr>
        </p:nvSpPr>
        <p:spPr>
          <a:xfrm>
            <a:off x="19" y="2446475"/>
            <a:ext cx="9144000" cy="464400"/>
          </a:xfrm>
          <a:prstGeom prst="rect">
            <a:avLst/>
          </a:prstGeom>
        </p:spPr>
        <p:txBody>
          <a:bodyPr spcFirstLastPara="1" wrap="square" lIns="68575" tIns="34275" rIns="68575" bIns="34275" anchor="b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 b="0">
                <a:solidFill>
                  <a:srgbClr val="FFFFFF"/>
                </a:solidFill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119" name="Google Shape;119;p11"/>
          <p:cNvSpPr txBox="1">
            <a:spLocks noGrp="1"/>
          </p:cNvSpPr>
          <p:nvPr>
            <p:ph type="subTitle" idx="1"/>
          </p:nvPr>
        </p:nvSpPr>
        <p:spPr>
          <a:xfrm>
            <a:off x="3244369" y="2862763"/>
            <a:ext cx="2655300" cy="792600"/>
          </a:xfrm>
          <a:prstGeom prst="rect">
            <a:avLst/>
          </a:prstGeom>
        </p:spPr>
        <p:txBody>
          <a:bodyPr spcFirstLastPara="1" wrap="square" lIns="68575" tIns="34275" rIns="68575" bIns="34275" anchor="t" anchorCtr="0">
            <a:noAutofit/>
          </a:bodyPr>
          <a:lstStyle>
            <a:lvl1pPr lvl="0" algn="ctr" rtl="0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1pPr>
            <a:lvl2pPr lvl="1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2pPr>
            <a:lvl3pPr lvl="2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3pPr>
            <a:lvl4pPr lvl="3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4pPr>
            <a:lvl5pPr lvl="4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5pPr>
            <a:lvl6pPr lvl="5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6pPr>
            <a:lvl7pPr lvl="6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7pPr>
            <a:lvl8pPr lvl="7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8pPr>
            <a:lvl9pPr lvl="8" algn="ctr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2800"/>
              <a:buNone/>
              <a:defRPr sz="28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120" name="Google Shape;120;p11"/>
          <p:cNvSpPr txBox="1">
            <a:spLocks noGrp="1"/>
          </p:cNvSpPr>
          <p:nvPr>
            <p:ph type="ctrTitle" idx="2"/>
          </p:nvPr>
        </p:nvSpPr>
        <p:spPr>
          <a:xfrm>
            <a:off x="2393097" y="1850875"/>
            <a:ext cx="4357800" cy="464400"/>
          </a:xfrm>
          <a:prstGeom prst="rect">
            <a:avLst/>
          </a:prstGeom>
        </p:spPr>
        <p:txBody>
          <a:bodyPr spcFirstLastPara="1" wrap="square" lIns="68575" tIns="34275" rIns="68575" bIns="34275" anchor="b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 b="0">
                <a:solidFill>
                  <a:srgbClr val="FFFFFF"/>
                </a:solidFill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121" name="Google Shape;121;p11"/>
          <p:cNvSpPr/>
          <p:nvPr/>
        </p:nvSpPr>
        <p:spPr>
          <a:xfrm>
            <a:off x="27511" y="0"/>
            <a:ext cx="1957071" cy="2650496"/>
          </a:xfrm>
          <a:custGeom>
            <a:avLst/>
            <a:gdLst/>
            <a:ahLst/>
            <a:cxnLst/>
            <a:rect l="l" t="t" r="r" b="b"/>
            <a:pathLst>
              <a:path w="7990" h="10821" extrusionOk="0">
                <a:moveTo>
                  <a:pt x="4049" y="0"/>
                </a:moveTo>
                <a:lnTo>
                  <a:pt x="1016" y="1880"/>
                </a:lnTo>
                <a:lnTo>
                  <a:pt x="1" y="6655"/>
                </a:lnTo>
                <a:cubicBezTo>
                  <a:pt x="1" y="6655"/>
                  <a:pt x="55" y="6826"/>
                  <a:pt x="150" y="7092"/>
                </a:cubicBezTo>
                <a:cubicBezTo>
                  <a:pt x="1293" y="7455"/>
                  <a:pt x="3793" y="8417"/>
                  <a:pt x="4551" y="10030"/>
                </a:cubicBezTo>
                <a:cubicBezTo>
                  <a:pt x="4690" y="10318"/>
                  <a:pt x="4764" y="10574"/>
                  <a:pt x="4797" y="10820"/>
                </a:cubicBezTo>
                <a:cubicBezTo>
                  <a:pt x="5609" y="10403"/>
                  <a:pt x="6271" y="9698"/>
                  <a:pt x="6324" y="8844"/>
                </a:cubicBezTo>
                <a:cubicBezTo>
                  <a:pt x="6409" y="7103"/>
                  <a:pt x="3440" y="7092"/>
                  <a:pt x="3867" y="6516"/>
                </a:cubicBezTo>
                <a:cubicBezTo>
                  <a:pt x="4294" y="5939"/>
                  <a:pt x="6313" y="6558"/>
                  <a:pt x="7135" y="4903"/>
                </a:cubicBezTo>
                <a:cubicBezTo>
                  <a:pt x="7990" y="3173"/>
                  <a:pt x="5908" y="876"/>
                  <a:pt x="5010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2" name="Google Shape;122;p11"/>
          <p:cNvSpPr/>
          <p:nvPr/>
        </p:nvSpPr>
        <p:spPr>
          <a:xfrm>
            <a:off x="-192200" y="-18932"/>
            <a:ext cx="5244671" cy="5143477"/>
          </a:xfrm>
          <a:custGeom>
            <a:avLst/>
            <a:gdLst/>
            <a:ahLst/>
            <a:cxnLst/>
            <a:rect l="l" t="t" r="r" b="b"/>
            <a:pathLst>
              <a:path w="21053" h="20647" extrusionOk="0">
                <a:moveTo>
                  <a:pt x="738" y="0"/>
                </a:moveTo>
                <a:lnTo>
                  <a:pt x="738" y="20647"/>
                </a:lnTo>
                <a:cubicBezTo>
                  <a:pt x="2874" y="19194"/>
                  <a:pt x="4764" y="13661"/>
                  <a:pt x="2628" y="12967"/>
                </a:cubicBezTo>
                <a:cubicBezTo>
                  <a:pt x="866" y="12390"/>
                  <a:pt x="0" y="10831"/>
                  <a:pt x="2051" y="8919"/>
                </a:cubicBezTo>
                <a:cubicBezTo>
                  <a:pt x="4102" y="7007"/>
                  <a:pt x="919" y="5587"/>
                  <a:pt x="2030" y="4187"/>
                </a:cubicBezTo>
                <a:cubicBezTo>
                  <a:pt x="2299" y="3843"/>
                  <a:pt x="2637" y="3724"/>
                  <a:pt x="3010" y="3724"/>
                </a:cubicBezTo>
                <a:cubicBezTo>
                  <a:pt x="3839" y="3724"/>
                  <a:pt x="4845" y="4307"/>
                  <a:pt x="5669" y="4307"/>
                </a:cubicBezTo>
                <a:cubicBezTo>
                  <a:pt x="5994" y="4307"/>
                  <a:pt x="6291" y="4217"/>
                  <a:pt x="6537" y="3963"/>
                </a:cubicBezTo>
                <a:cubicBezTo>
                  <a:pt x="7663" y="2806"/>
                  <a:pt x="7494" y="84"/>
                  <a:pt x="9550" y="84"/>
                </a:cubicBezTo>
                <a:cubicBezTo>
                  <a:pt x="9581" y="84"/>
                  <a:pt x="9613" y="84"/>
                  <a:pt x="9646" y="86"/>
                </a:cubicBezTo>
                <a:cubicBezTo>
                  <a:pt x="11723" y="158"/>
                  <a:pt x="13041" y="3333"/>
                  <a:pt x="15826" y="3333"/>
                </a:cubicBezTo>
                <a:cubicBezTo>
                  <a:pt x="15918" y="3333"/>
                  <a:pt x="16012" y="3330"/>
                  <a:pt x="16107" y="3322"/>
                </a:cubicBezTo>
                <a:cubicBezTo>
                  <a:pt x="18383" y="3151"/>
                  <a:pt x="20070" y="1378"/>
                  <a:pt x="21053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3" name="Google Shape;123;p11"/>
          <p:cNvSpPr/>
          <p:nvPr/>
        </p:nvSpPr>
        <p:spPr>
          <a:xfrm>
            <a:off x="6946144" y="2753776"/>
            <a:ext cx="2197847" cy="2399187"/>
          </a:xfrm>
          <a:custGeom>
            <a:avLst/>
            <a:gdLst/>
            <a:ahLst/>
            <a:cxnLst/>
            <a:rect l="l" t="t" r="r" b="b"/>
            <a:pathLst>
              <a:path w="8973" h="9795" extrusionOk="0">
                <a:moveTo>
                  <a:pt x="8482" y="1"/>
                </a:moveTo>
                <a:cubicBezTo>
                  <a:pt x="8430" y="1"/>
                  <a:pt x="8376" y="8"/>
                  <a:pt x="8320" y="22"/>
                </a:cubicBezTo>
                <a:cubicBezTo>
                  <a:pt x="7017" y="396"/>
                  <a:pt x="8513" y="4369"/>
                  <a:pt x="7135" y="5747"/>
                </a:cubicBezTo>
                <a:cubicBezTo>
                  <a:pt x="6110" y="6772"/>
                  <a:pt x="3696" y="5992"/>
                  <a:pt x="1603" y="7765"/>
                </a:cubicBezTo>
                <a:cubicBezTo>
                  <a:pt x="737" y="8503"/>
                  <a:pt x="246" y="9175"/>
                  <a:pt x="0" y="9795"/>
                </a:cubicBezTo>
                <a:lnTo>
                  <a:pt x="8972" y="9795"/>
                </a:lnTo>
                <a:lnTo>
                  <a:pt x="8972" y="203"/>
                </a:lnTo>
                <a:cubicBezTo>
                  <a:pt x="8815" y="80"/>
                  <a:pt x="8659" y="1"/>
                  <a:pt x="8482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4" name="Google Shape;124;p11"/>
          <p:cNvSpPr/>
          <p:nvPr/>
        </p:nvSpPr>
        <p:spPr>
          <a:xfrm>
            <a:off x="6666178" y="0"/>
            <a:ext cx="2477813" cy="2304151"/>
          </a:xfrm>
          <a:custGeom>
            <a:avLst/>
            <a:gdLst/>
            <a:ahLst/>
            <a:cxnLst/>
            <a:rect l="l" t="t" r="r" b="b"/>
            <a:pathLst>
              <a:path w="10116" h="9407" extrusionOk="0">
                <a:moveTo>
                  <a:pt x="0" y="0"/>
                </a:moveTo>
                <a:cubicBezTo>
                  <a:pt x="636" y="1119"/>
                  <a:pt x="2078" y="3205"/>
                  <a:pt x="4119" y="3205"/>
                </a:cubicBezTo>
                <a:cubicBezTo>
                  <a:pt x="4378" y="3205"/>
                  <a:pt x="4647" y="3171"/>
                  <a:pt x="4924" y="3098"/>
                </a:cubicBezTo>
                <a:cubicBezTo>
                  <a:pt x="6438" y="2690"/>
                  <a:pt x="6967" y="1149"/>
                  <a:pt x="7940" y="1149"/>
                </a:cubicBezTo>
                <a:cubicBezTo>
                  <a:pt x="8011" y="1149"/>
                  <a:pt x="8084" y="1158"/>
                  <a:pt x="8160" y="1175"/>
                </a:cubicBezTo>
                <a:cubicBezTo>
                  <a:pt x="8716" y="1293"/>
                  <a:pt x="9442" y="2447"/>
                  <a:pt x="9069" y="4379"/>
                </a:cubicBezTo>
                <a:cubicBezTo>
                  <a:pt x="8684" y="6387"/>
                  <a:pt x="8193" y="7616"/>
                  <a:pt x="8438" y="8374"/>
                </a:cubicBezTo>
                <a:cubicBezTo>
                  <a:pt x="8675" y="9108"/>
                  <a:pt x="9148" y="9406"/>
                  <a:pt x="9649" y="9406"/>
                </a:cubicBezTo>
                <a:cubicBezTo>
                  <a:pt x="9804" y="9406"/>
                  <a:pt x="9961" y="9378"/>
                  <a:pt x="10115" y="9325"/>
                </a:cubicBezTo>
                <a:lnTo>
                  <a:pt x="10115" y="0"/>
                </a:ln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5" name="Google Shape;125;p11"/>
          <p:cNvSpPr/>
          <p:nvPr/>
        </p:nvSpPr>
        <p:spPr>
          <a:xfrm>
            <a:off x="-11679" y="1723068"/>
            <a:ext cx="3019375" cy="3429895"/>
          </a:xfrm>
          <a:custGeom>
            <a:avLst/>
            <a:gdLst/>
            <a:ahLst/>
            <a:cxnLst/>
            <a:rect l="l" t="t" r="r" b="b"/>
            <a:pathLst>
              <a:path w="12327" h="14003" extrusionOk="0">
                <a:moveTo>
                  <a:pt x="1" y="1"/>
                </a:moveTo>
                <a:lnTo>
                  <a:pt x="1" y="14003"/>
                </a:lnTo>
                <a:lnTo>
                  <a:pt x="12327" y="14003"/>
                </a:lnTo>
                <a:cubicBezTo>
                  <a:pt x="11012" y="12977"/>
                  <a:pt x="11717" y="11204"/>
                  <a:pt x="10671" y="10276"/>
                </a:cubicBezTo>
                <a:cubicBezTo>
                  <a:pt x="10267" y="9919"/>
                  <a:pt x="9798" y="9790"/>
                  <a:pt x="9311" y="9790"/>
                </a:cubicBezTo>
                <a:cubicBezTo>
                  <a:pt x="8056" y="9790"/>
                  <a:pt x="6678" y="10643"/>
                  <a:pt x="5960" y="10643"/>
                </a:cubicBezTo>
                <a:cubicBezTo>
                  <a:pt x="5762" y="10643"/>
                  <a:pt x="5615" y="10578"/>
                  <a:pt x="5534" y="10414"/>
                </a:cubicBezTo>
                <a:cubicBezTo>
                  <a:pt x="5031" y="9421"/>
                  <a:pt x="5928" y="8705"/>
                  <a:pt x="4914" y="8097"/>
                </a:cubicBezTo>
                <a:cubicBezTo>
                  <a:pt x="4732" y="7979"/>
                  <a:pt x="4423" y="7936"/>
                  <a:pt x="4070" y="7904"/>
                </a:cubicBezTo>
                <a:cubicBezTo>
                  <a:pt x="3440" y="7851"/>
                  <a:pt x="2810" y="7840"/>
                  <a:pt x="3194" y="6943"/>
                </a:cubicBezTo>
                <a:cubicBezTo>
                  <a:pt x="3621" y="5918"/>
                  <a:pt x="5704" y="5127"/>
                  <a:pt x="4711" y="3034"/>
                </a:cubicBezTo>
                <a:cubicBezTo>
                  <a:pt x="3867" y="1250"/>
                  <a:pt x="887" y="257"/>
                  <a:pt x="1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+ TEXT">
  <p:cSld name="3_Título y objetos"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1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7" name="Google Shape;127;p12"/>
          <p:cNvSpPr/>
          <p:nvPr/>
        </p:nvSpPr>
        <p:spPr>
          <a:xfrm rot="5400000">
            <a:off x="1024675" y="95575"/>
            <a:ext cx="3457500" cy="3133200"/>
          </a:xfrm>
          <a:prstGeom prst="rect">
            <a:avLst/>
          </a:prstGeom>
          <a:noFill/>
          <a:ln w="2857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8" name="Google Shape;128;p12"/>
          <p:cNvSpPr txBox="1"/>
          <p:nvPr/>
        </p:nvSpPr>
        <p:spPr>
          <a:xfrm>
            <a:off x="6772942" y="4670822"/>
            <a:ext cx="2057400" cy="273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ES" sz="800" b="0" i="0" u="none" strike="noStrike" cap="none">
                <a:solidFill>
                  <a:srgbClr val="FFFFFF"/>
                </a:solidFill>
                <a:latin typeface="Nunito Sans SemiBold"/>
                <a:ea typeface="Nunito Sans SemiBold"/>
                <a:cs typeface="Nunito Sans SemiBold"/>
                <a:sym typeface="Nunito Sans SemiBold"/>
              </a:rPr>
              <a:t>‹#›</a:t>
            </a:fld>
            <a:endParaRPr sz="800" b="0" i="0" u="none" strike="noStrike" cap="none">
              <a:solidFill>
                <a:srgbClr val="FFFFFF"/>
              </a:solidFill>
              <a:latin typeface="Nunito Sans SemiBold"/>
              <a:ea typeface="Nunito Sans SemiBold"/>
              <a:cs typeface="Nunito Sans SemiBold"/>
              <a:sym typeface="Nunito Sans SemiBold"/>
            </a:endParaRPr>
          </a:p>
        </p:txBody>
      </p:sp>
      <p:sp>
        <p:nvSpPr>
          <p:cNvPr id="129" name="Google Shape;129;p12"/>
          <p:cNvSpPr txBox="1">
            <a:spLocks noGrp="1"/>
          </p:cNvSpPr>
          <p:nvPr>
            <p:ph type="ctrTitle"/>
          </p:nvPr>
        </p:nvSpPr>
        <p:spPr>
          <a:xfrm flipH="1">
            <a:off x="886775" y="2340594"/>
            <a:ext cx="3158100" cy="462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>
            <a:lvl1pPr lvl="0" algn="r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2400"/>
              <a:buNone/>
              <a:defRPr sz="2400" b="0">
                <a:solidFill>
                  <a:srgbClr val="FFFFFF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130" name="Google Shape;130;p12"/>
          <p:cNvSpPr txBox="1">
            <a:spLocks noGrp="1"/>
          </p:cNvSpPr>
          <p:nvPr>
            <p:ph type="subTitle" idx="1"/>
          </p:nvPr>
        </p:nvSpPr>
        <p:spPr>
          <a:xfrm>
            <a:off x="4598719" y="1815144"/>
            <a:ext cx="3353700" cy="1513200"/>
          </a:xfrm>
          <a:prstGeom prst="rect">
            <a:avLst/>
          </a:prstGeom>
        </p:spPr>
        <p:txBody>
          <a:bodyPr spcFirstLastPara="1" wrap="square" lIns="68575" tIns="34275" rIns="68575" bIns="34275" anchor="ctr" anchorCtr="0">
            <a:noAutofit/>
          </a:bodyPr>
          <a:lstStyle>
            <a:lvl1pPr lvl="0" rtl="0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1pPr>
            <a:lvl2pPr lvl="1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2pPr>
            <a:lvl3pPr lvl="2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3pPr>
            <a:lvl4pPr lvl="3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4pPr>
            <a:lvl5pPr lvl="4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5pPr>
            <a:lvl6pPr lvl="5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6pPr>
            <a:lvl7pPr lvl="6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7pPr>
            <a:lvl8pPr lvl="7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8pPr>
            <a:lvl9pPr lvl="8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131" name="Google Shape;131;p12"/>
          <p:cNvSpPr/>
          <p:nvPr/>
        </p:nvSpPr>
        <p:spPr>
          <a:xfrm>
            <a:off x="0" y="3237663"/>
            <a:ext cx="5957203" cy="1901058"/>
          </a:xfrm>
          <a:custGeom>
            <a:avLst/>
            <a:gdLst/>
            <a:ahLst/>
            <a:cxnLst/>
            <a:rect l="l" t="t" r="r" b="b"/>
            <a:pathLst>
              <a:path w="23488" h="7151" extrusionOk="0">
                <a:moveTo>
                  <a:pt x="4309" y="0"/>
                </a:moveTo>
                <a:cubicBezTo>
                  <a:pt x="3860" y="0"/>
                  <a:pt x="3401" y="111"/>
                  <a:pt x="2937" y="369"/>
                </a:cubicBezTo>
                <a:cubicBezTo>
                  <a:pt x="716" y="1608"/>
                  <a:pt x="331" y="2249"/>
                  <a:pt x="1" y="2270"/>
                </a:cubicBezTo>
                <a:lnTo>
                  <a:pt x="1" y="7151"/>
                </a:lnTo>
                <a:lnTo>
                  <a:pt x="23487" y="7151"/>
                </a:lnTo>
                <a:lnTo>
                  <a:pt x="22986" y="6040"/>
                </a:lnTo>
                <a:cubicBezTo>
                  <a:pt x="22986" y="6040"/>
                  <a:pt x="22583" y="6740"/>
                  <a:pt x="21847" y="6740"/>
                </a:cubicBezTo>
                <a:cubicBezTo>
                  <a:pt x="21511" y="6740"/>
                  <a:pt x="21105" y="6594"/>
                  <a:pt x="20636" y="6168"/>
                </a:cubicBezTo>
                <a:cubicBezTo>
                  <a:pt x="19503" y="5133"/>
                  <a:pt x="17832" y="2884"/>
                  <a:pt x="15899" y="2884"/>
                </a:cubicBezTo>
                <a:cubicBezTo>
                  <a:pt x="15280" y="2884"/>
                  <a:pt x="14635" y="3115"/>
                  <a:pt x="13971" y="3690"/>
                </a:cubicBezTo>
                <a:cubicBezTo>
                  <a:pt x="12757" y="4748"/>
                  <a:pt x="11936" y="5109"/>
                  <a:pt x="11324" y="5109"/>
                </a:cubicBezTo>
                <a:cubicBezTo>
                  <a:pt x="10559" y="5109"/>
                  <a:pt x="10120" y="4544"/>
                  <a:pt x="9645" y="4075"/>
                </a:cubicBezTo>
                <a:cubicBezTo>
                  <a:pt x="8931" y="3361"/>
                  <a:pt x="6779" y="0"/>
                  <a:pt x="4309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32" name="Google Shape;132;p12"/>
          <p:cNvSpPr/>
          <p:nvPr/>
        </p:nvSpPr>
        <p:spPr>
          <a:xfrm>
            <a:off x="0" y="0"/>
            <a:ext cx="2924434" cy="1144956"/>
          </a:xfrm>
          <a:custGeom>
            <a:avLst/>
            <a:gdLst/>
            <a:ahLst/>
            <a:cxnLst/>
            <a:rect l="l" t="t" r="r" b="b"/>
            <a:pathLst>
              <a:path w="10393" h="4069" extrusionOk="0">
                <a:moveTo>
                  <a:pt x="1" y="0"/>
                </a:moveTo>
                <a:lnTo>
                  <a:pt x="1" y="2147"/>
                </a:lnTo>
                <a:cubicBezTo>
                  <a:pt x="1283" y="2770"/>
                  <a:pt x="4105" y="4069"/>
                  <a:pt x="5549" y="4069"/>
                </a:cubicBezTo>
                <a:cubicBezTo>
                  <a:pt x="5789" y="4069"/>
                  <a:pt x="5991" y="4033"/>
                  <a:pt x="6142" y="3952"/>
                </a:cubicBezTo>
                <a:cubicBezTo>
                  <a:pt x="7488" y="3226"/>
                  <a:pt x="5693" y="182"/>
                  <a:pt x="6868" y="118"/>
                </a:cubicBezTo>
                <a:cubicBezTo>
                  <a:pt x="6884" y="117"/>
                  <a:pt x="6900" y="117"/>
                  <a:pt x="6916" y="117"/>
                </a:cubicBezTo>
                <a:cubicBezTo>
                  <a:pt x="7983" y="117"/>
                  <a:pt x="8866" y="1753"/>
                  <a:pt x="9668" y="1753"/>
                </a:cubicBezTo>
                <a:cubicBezTo>
                  <a:pt x="9732" y="1753"/>
                  <a:pt x="9795" y="1743"/>
                  <a:pt x="9859" y="1720"/>
                </a:cubicBezTo>
                <a:cubicBezTo>
                  <a:pt x="10393" y="1528"/>
                  <a:pt x="10212" y="662"/>
                  <a:pt x="10179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33" name="Google Shape;133;p12"/>
          <p:cNvSpPr/>
          <p:nvPr/>
        </p:nvSpPr>
        <p:spPr>
          <a:xfrm>
            <a:off x="4888126" y="0"/>
            <a:ext cx="4255880" cy="2343529"/>
          </a:xfrm>
          <a:custGeom>
            <a:avLst/>
            <a:gdLst/>
            <a:ahLst/>
            <a:cxnLst/>
            <a:rect l="l" t="t" r="r" b="b"/>
            <a:pathLst>
              <a:path w="13235" h="7288" extrusionOk="0">
                <a:moveTo>
                  <a:pt x="0" y="0"/>
                </a:moveTo>
                <a:cubicBezTo>
                  <a:pt x="744" y="852"/>
                  <a:pt x="2515" y="2586"/>
                  <a:pt x="4780" y="2586"/>
                </a:cubicBezTo>
                <a:cubicBezTo>
                  <a:pt x="4957" y="2586"/>
                  <a:pt x="5137" y="2576"/>
                  <a:pt x="5319" y="2553"/>
                </a:cubicBezTo>
                <a:cubicBezTo>
                  <a:pt x="7444" y="2289"/>
                  <a:pt x="9223" y="1574"/>
                  <a:pt x="10455" y="1574"/>
                </a:cubicBezTo>
                <a:cubicBezTo>
                  <a:pt x="11113" y="1574"/>
                  <a:pt x="11615" y="1778"/>
                  <a:pt x="11931" y="2361"/>
                </a:cubicBezTo>
                <a:cubicBezTo>
                  <a:pt x="12839" y="4038"/>
                  <a:pt x="11343" y="7156"/>
                  <a:pt x="12978" y="7285"/>
                </a:cubicBezTo>
                <a:cubicBezTo>
                  <a:pt x="12993" y="7287"/>
                  <a:pt x="13009" y="7288"/>
                  <a:pt x="13024" y="7288"/>
                </a:cubicBezTo>
                <a:cubicBezTo>
                  <a:pt x="13094" y="7288"/>
                  <a:pt x="13164" y="7268"/>
                  <a:pt x="13234" y="7242"/>
                </a:cubicBezTo>
                <a:lnTo>
                  <a:pt x="13234" y="0"/>
                </a:ln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34" name="Google Shape;134;p12"/>
          <p:cNvSpPr/>
          <p:nvPr/>
        </p:nvSpPr>
        <p:spPr>
          <a:xfrm>
            <a:off x="3807376" y="4360684"/>
            <a:ext cx="1608227" cy="778039"/>
          </a:xfrm>
          <a:custGeom>
            <a:avLst/>
            <a:gdLst/>
            <a:ahLst/>
            <a:cxnLst/>
            <a:rect l="l" t="t" r="r" b="b"/>
            <a:pathLst>
              <a:path w="5865" h="2707" extrusionOk="0">
                <a:moveTo>
                  <a:pt x="2605" y="1"/>
                </a:moveTo>
                <a:cubicBezTo>
                  <a:pt x="1421" y="1"/>
                  <a:pt x="755" y="1721"/>
                  <a:pt x="129" y="2568"/>
                </a:cubicBezTo>
                <a:cubicBezTo>
                  <a:pt x="86" y="2611"/>
                  <a:pt x="43" y="2664"/>
                  <a:pt x="1" y="2707"/>
                </a:cubicBezTo>
                <a:lnTo>
                  <a:pt x="5864" y="2707"/>
                </a:lnTo>
                <a:cubicBezTo>
                  <a:pt x="4978" y="1938"/>
                  <a:pt x="4358" y="656"/>
                  <a:pt x="3215" y="143"/>
                </a:cubicBezTo>
                <a:cubicBezTo>
                  <a:pt x="2997" y="45"/>
                  <a:pt x="2795" y="1"/>
                  <a:pt x="2605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35" name="Google Shape;135;p12"/>
          <p:cNvSpPr/>
          <p:nvPr/>
        </p:nvSpPr>
        <p:spPr>
          <a:xfrm>
            <a:off x="0" y="4248016"/>
            <a:ext cx="3347799" cy="890707"/>
          </a:xfrm>
          <a:custGeom>
            <a:avLst/>
            <a:gdLst/>
            <a:ahLst/>
            <a:cxnLst/>
            <a:rect l="l" t="t" r="r" b="b"/>
            <a:pathLst>
              <a:path w="12209" h="3099" extrusionOk="0">
                <a:moveTo>
                  <a:pt x="6332" y="0"/>
                </a:moveTo>
                <a:cubicBezTo>
                  <a:pt x="4270" y="0"/>
                  <a:pt x="1769" y="858"/>
                  <a:pt x="1" y="1593"/>
                </a:cubicBezTo>
                <a:lnTo>
                  <a:pt x="1" y="3099"/>
                </a:lnTo>
                <a:lnTo>
                  <a:pt x="12208" y="3099"/>
                </a:lnTo>
                <a:cubicBezTo>
                  <a:pt x="11418" y="2714"/>
                  <a:pt x="10371" y="1935"/>
                  <a:pt x="8940" y="760"/>
                </a:cubicBezTo>
                <a:cubicBezTo>
                  <a:pt x="8276" y="213"/>
                  <a:pt x="7359" y="0"/>
                  <a:pt x="6332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36" name="Google Shape;136;p12"/>
          <p:cNvSpPr/>
          <p:nvPr/>
        </p:nvSpPr>
        <p:spPr>
          <a:xfrm>
            <a:off x="5697850" y="3760275"/>
            <a:ext cx="3446155" cy="1378454"/>
          </a:xfrm>
          <a:custGeom>
            <a:avLst/>
            <a:gdLst/>
            <a:ahLst/>
            <a:cxnLst/>
            <a:rect l="l" t="t" r="r" b="b"/>
            <a:pathLst>
              <a:path w="11622" h="4796" extrusionOk="0">
                <a:moveTo>
                  <a:pt x="3676" y="0"/>
                </a:moveTo>
                <a:cubicBezTo>
                  <a:pt x="923" y="0"/>
                  <a:pt x="695" y="3396"/>
                  <a:pt x="0" y="4796"/>
                </a:cubicBezTo>
                <a:lnTo>
                  <a:pt x="11621" y="4796"/>
                </a:lnTo>
                <a:lnTo>
                  <a:pt x="11621" y="2382"/>
                </a:lnTo>
                <a:cubicBezTo>
                  <a:pt x="9944" y="1677"/>
                  <a:pt x="7712" y="940"/>
                  <a:pt x="4796" y="160"/>
                </a:cubicBezTo>
                <a:cubicBezTo>
                  <a:pt x="4382" y="50"/>
                  <a:pt x="4010" y="0"/>
                  <a:pt x="3676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37" name="Google Shape;137;p12"/>
          <p:cNvSpPr/>
          <p:nvPr/>
        </p:nvSpPr>
        <p:spPr>
          <a:xfrm>
            <a:off x="0" y="0"/>
            <a:ext cx="1917920" cy="1664674"/>
          </a:xfrm>
          <a:custGeom>
            <a:avLst/>
            <a:gdLst/>
            <a:ahLst/>
            <a:cxnLst/>
            <a:rect l="l" t="t" r="r" b="b"/>
            <a:pathLst>
              <a:path w="6816" h="5916" extrusionOk="0">
                <a:moveTo>
                  <a:pt x="1" y="0"/>
                </a:moveTo>
                <a:lnTo>
                  <a:pt x="1" y="5597"/>
                </a:lnTo>
                <a:cubicBezTo>
                  <a:pt x="220" y="5784"/>
                  <a:pt x="427" y="5916"/>
                  <a:pt x="641" y="5916"/>
                </a:cubicBezTo>
                <a:cubicBezTo>
                  <a:pt x="708" y="5916"/>
                  <a:pt x="775" y="5903"/>
                  <a:pt x="844" y="5875"/>
                </a:cubicBezTo>
                <a:cubicBezTo>
                  <a:pt x="1816" y="5469"/>
                  <a:pt x="407" y="3109"/>
                  <a:pt x="1207" y="2361"/>
                </a:cubicBezTo>
                <a:cubicBezTo>
                  <a:pt x="1391" y="2190"/>
                  <a:pt x="1600" y="2125"/>
                  <a:pt x="1829" y="2125"/>
                </a:cubicBezTo>
                <a:cubicBezTo>
                  <a:pt x="2536" y="2125"/>
                  <a:pt x="3436" y="2738"/>
                  <a:pt x="4414" y="2738"/>
                </a:cubicBezTo>
                <a:cubicBezTo>
                  <a:pt x="4942" y="2738"/>
                  <a:pt x="5492" y="2559"/>
                  <a:pt x="6046" y="2008"/>
                </a:cubicBezTo>
                <a:cubicBezTo>
                  <a:pt x="6633" y="1421"/>
                  <a:pt x="6815" y="705"/>
                  <a:pt x="6772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727">
          <p15:clr>
            <a:srgbClr val="FA7B17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+ SUBTITLE">
  <p:cSld name="4_Título y objetos"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1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9" name="Google Shape;139;p13"/>
          <p:cNvSpPr/>
          <p:nvPr/>
        </p:nvSpPr>
        <p:spPr>
          <a:xfrm>
            <a:off x="263219" y="1496500"/>
            <a:ext cx="8213700" cy="2192400"/>
          </a:xfrm>
          <a:prstGeom prst="rect">
            <a:avLst/>
          </a:prstGeom>
          <a:noFill/>
          <a:ln w="28575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68575" tIns="34275" rIns="68575" bIns="34275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400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140" name="Google Shape;140;p13"/>
          <p:cNvSpPr txBox="1"/>
          <p:nvPr/>
        </p:nvSpPr>
        <p:spPr>
          <a:xfrm>
            <a:off x="6772942" y="4670822"/>
            <a:ext cx="2057400" cy="273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ES" sz="800" b="0" i="0" u="none" strike="noStrike" cap="none">
                <a:solidFill>
                  <a:srgbClr val="FFFFFF"/>
                </a:solidFill>
                <a:latin typeface="Nunito Sans SemiBold"/>
                <a:ea typeface="Nunito Sans SemiBold"/>
                <a:cs typeface="Nunito Sans SemiBold"/>
                <a:sym typeface="Nunito Sans SemiBold"/>
              </a:rPr>
              <a:t>‹#›</a:t>
            </a:fld>
            <a:endParaRPr sz="800" b="0" i="0" u="none" strike="noStrike" cap="none">
              <a:solidFill>
                <a:srgbClr val="FFFFFF"/>
              </a:solidFill>
              <a:latin typeface="Nunito Sans SemiBold"/>
              <a:ea typeface="Nunito Sans SemiBold"/>
              <a:cs typeface="Nunito Sans SemiBold"/>
              <a:sym typeface="Nunito Sans SemiBold"/>
            </a:endParaRPr>
          </a:p>
        </p:txBody>
      </p:sp>
      <p:sp>
        <p:nvSpPr>
          <p:cNvPr id="141" name="Google Shape;141;p13"/>
          <p:cNvSpPr txBox="1">
            <a:spLocks noGrp="1"/>
          </p:cNvSpPr>
          <p:nvPr>
            <p:ph type="ctrTitle"/>
          </p:nvPr>
        </p:nvSpPr>
        <p:spPr>
          <a:xfrm flipH="1">
            <a:off x="2267119" y="1950928"/>
            <a:ext cx="1979700" cy="1241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>
            <a:lvl1pPr lvl="0" algn="r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2100"/>
              <a:buNone/>
              <a:defRPr sz="2100" b="0">
                <a:solidFill>
                  <a:srgbClr val="FFFFFF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9pPr>
          </a:lstStyle>
          <a:p>
            <a:endParaRPr/>
          </a:p>
        </p:txBody>
      </p:sp>
      <p:sp>
        <p:nvSpPr>
          <p:cNvPr id="142" name="Google Shape;142;p13"/>
          <p:cNvSpPr txBox="1">
            <a:spLocks noGrp="1"/>
          </p:cNvSpPr>
          <p:nvPr>
            <p:ph type="subTitle" idx="1"/>
          </p:nvPr>
        </p:nvSpPr>
        <p:spPr>
          <a:xfrm flipH="1">
            <a:off x="4493231" y="2381677"/>
            <a:ext cx="2383500" cy="380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>
            <a:lvl1pPr lvl="0" algn="l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1pPr>
            <a:lvl2pPr lvl="1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500"/>
              <a:buNone/>
              <a:defRPr sz="1500">
                <a:solidFill>
                  <a:srgbClr val="FFFFFF"/>
                </a:solidFill>
              </a:defRPr>
            </a:lvl2pPr>
            <a:lvl3pPr lvl="2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400"/>
              <a:buNone/>
              <a:defRPr sz="1400">
                <a:solidFill>
                  <a:srgbClr val="FFFFFF"/>
                </a:solidFill>
              </a:defRPr>
            </a:lvl3pPr>
            <a:lvl4pPr lvl="3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4pPr>
            <a:lvl5pPr lvl="4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5pPr>
            <a:lvl6pPr lvl="5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6pPr>
            <a:lvl7pPr lvl="6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7pPr>
            <a:lvl8pPr lvl="7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8pPr>
            <a:lvl9pPr lvl="8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cxnSp>
        <p:nvCxnSpPr>
          <p:cNvPr id="143" name="Google Shape;143;p13"/>
          <p:cNvCxnSpPr/>
          <p:nvPr/>
        </p:nvCxnSpPr>
        <p:spPr>
          <a:xfrm>
            <a:off x="4370063" y="2148847"/>
            <a:ext cx="0" cy="887700"/>
          </a:xfrm>
          <a:prstGeom prst="straightConnector1">
            <a:avLst/>
          </a:prstGeom>
          <a:noFill/>
          <a:ln w="28575" cap="flat" cmpd="sng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</p:spPr>
      </p:cxnSp>
      <p:sp>
        <p:nvSpPr>
          <p:cNvPr id="144" name="Google Shape;144;p13"/>
          <p:cNvSpPr/>
          <p:nvPr/>
        </p:nvSpPr>
        <p:spPr>
          <a:xfrm rot="10800000">
            <a:off x="2410401" y="9"/>
            <a:ext cx="6733599" cy="2148840"/>
          </a:xfrm>
          <a:custGeom>
            <a:avLst/>
            <a:gdLst/>
            <a:ahLst/>
            <a:cxnLst/>
            <a:rect l="l" t="t" r="r" b="b"/>
            <a:pathLst>
              <a:path w="23488" h="7151" extrusionOk="0">
                <a:moveTo>
                  <a:pt x="4309" y="0"/>
                </a:moveTo>
                <a:cubicBezTo>
                  <a:pt x="3860" y="0"/>
                  <a:pt x="3401" y="111"/>
                  <a:pt x="2937" y="369"/>
                </a:cubicBezTo>
                <a:cubicBezTo>
                  <a:pt x="716" y="1608"/>
                  <a:pt x="331" y="2249"/>
                  <a:pt x="1" y="2270"/>
                </a:cubicBezTo>
                <a:lnTo>
                  <a:pt x="1" y="7151"/>
                </a:lnTo>
                <a:lnTo>
                  <a:pt x="23487" y="7151"/>
                </a:lnTo>
                <a:lnTo>
                  <a:pt x="22986" y="6040"/>
                </a:lnTo>
                <a:cubicBezTo>
                  <a:pt x="22986" y="6040"/>
                  <a:pt x="22583" y="6740"/>
                  <a:pt x="21847" y="6740"/>
                </a:cubicBezTo>
                <a:cubicBezTo>
                  <a:pt x="21511" y="6740"/>
                  <a:pt x="21105" y="6594"/>
                  <a:pt x="20636" y="6168"/>
                </a:cubicBezTo>
                <a:cubicBezTo>
                  <a:pt x="19503" y="5133"/>
                  <a:pt x="17832" y="2884"/>
                  <a:pt x="15899" y="2884"/>
                </a:cubicBezTo>
                <a:cubicBezTo>
                  <a:pt x="15280" y="2884"/>
                  <a:pt x="14635" y="3115"/>
                  <a:pt x="13971" y="3690"/>
                </a:cubicBezTo>
                <a:cubicBezTo>
                  <a:pt x="12757" y="4748"/>
                  <a:pt x="11936" y="5109"/>
                  <a:pt x="11324" y="5109"/>
                </a:cubicBezTo>
                <a:cubicBezTo>
                  <a:pt x="10559" y="5109"/>
                  <a:pt x="10120" y="4544"/>
                  <a:pt x="9645" y="4075"/>
                </a:cubicBezTo>
                <a:cubicBezTo>
                  <a:pt x="8931" y="3361"/>
                  <a:pt x="6779" y="0"/>
                  <a:pt x="4309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45" name="Google Shape;145;p13"/>
          <p:cNvSpPr/>
          <p:nvPr/>
        </p:nvSpPr>
        <p:spPr>
          <a:xfrm rot="10800000">
            <a:off x="5292458" y="3630804"/>
            <a:ext cx="3851542" cy="1507921"/>
          </a:xfrm>
          <a:custGeom>
            <a:avLst/>
            <a:gdLst/>
            <a:ahLst/>
            <a:cxnLst/>
            <a:rect l="l" t="t" r="r" b="b"/>
            <a:pathLst>
              <a:path w="10393" h="4069" extrusionOk="0">
                <a:moveTo>
                  <a:pt x="1" y="0"/>
                </a:moveTo>
                <a:lnTo>
                  <a:pt x="1" y="2147"/>
                </a:lnTo>
                <a:cubicBezTo>
                  <a:pt x="1283" y="2770"/>
                  <a:pt x="4105" y="4069"/>
                  <a:pt x="5549" y="4069"/>
                </a:cubicBezTo>
                <a:cubicBezTo>
                  <a:pt x="5789" y="4069"/>
                  <a:pt x="5991" y="4033"/>
                  <a:pt x="6142" y="3952"/>
                </a:cubicBezTo>
                <a:cubicBezTo>
                  <a:pt x="7488" y="3226"/>
                  <a:pt x="5693" y="182"/>
                  <a:pt x="6868" y="118"/>
                </a:cubicBezTo>
                <a:cubicBezTo>
                  <a:pt x="6884" y="117"/>
                  <a:pt x="6900" y="117"/>
                  <a:pt x="6916" y="117"/>
                </a:cubicBezTo>
                <a:cubicBezTo>
                  <a:pt x="7983" y="117"/>
                  <a:pt x="8866" y="1753"/>
                  <a:pt x="9668" y="1753"/>
                </a:cubicBezTo>
                <a:cubicBezTo>
                  <a:pt x="9732" y="1753"/>
                  <a:pt x="9795" y="1743"/>
                  <a:pt x="9859" y="1720"/>
                </a:cubicBezTo>
                <a:cubicBezTo>
                  <a:pt x="10393" y="1528"/>
                  <a:pt x="10212" y="662"/>
                  <a:pt x="10179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46" name="Google Shape;146;p13"/>
          <p:cNvSpPr/>
          <p:nvPr/>
        </p:nvSpPr>
        <p:spPr>
          <a:xfrm rot="10800000">
            <a:off x="-1" y="2300194"/>
            <a:ext cx="5154801" cy="2838530"/>
          </a:xfrm>
          <a:custGeom>
            <a:avLst/>
            <a:gdLst/>
            <a:ahLst/>
            <a:cxnLst/>
            <a:rect l="l" t="t" r="r" b="b"/>
            <a:pathLst>
              <a:path w="13235" h="7288" extrusionOk="0">
                <a:moveTo>
                  <a:pt x="0" y="0"/>
                </a:moveTo>
                <a:cubicBezTo>
                  <a:pt x="744" y="852"/>
                  <a:pt x="2515" y="2586"/>
                  <a:pt x="4780" y="2586"/>
                </a:cubicBezTo>
                <a:cubicBezTo>
                  <a:pt x="4957" y="2586"/>
                  <a:pt x="5137" y="2576"/>
                  <a:pt x="5319" y="2553"/>
                </a:cubicBezTo>
                <a:cubicBezTo>
                  <a:pt x="7444" y="2289"/>
                  <a:pt x="9223" y="1574"/>
                  <a:pt x="10455" y="1574"/>
                </a:cubicBezTo>
                <a:cubicBezTo>
                  <a:pt x="11113" y="1574"/>
                  <a:pt x="11615" y="1778"/>
                  <a:pt x="11931" y="2361"/>
                </a:cubicBezTo>
                <a:cubicBezTo>
                  <a:pt x="12839" y="4038"/>
                  <a:pt x="11343" y="7156"/>
                  <a:pt x="12978" y="7285"/>
                </a:cubicBezTo>
                <a:cubicBezTo>
                  <a:pt x="12993" y="7287"/>
                  <a:pt x="13009" y="7288"/>
                  <a:pt x="13024" y="7288"/>
                </a:cubicBezTo>
                <a:cubicBezTo>
                  <a:pt x="13094" y="7288"/>
                  <a:pt x="13164" y="7268"/>
                  <a:pt x="13234" y="7242"/>
                </a:cubicBezTo>
                <a:lnTo>
                  <a:pt x="13234" y="0"/>
                </a:ln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47" name="Google Shape;147;p13"/>
          <p:cNvSpPr/>
          <p:nvPr/>
        </p:nvSpPr>
        <p:spPr>
          <a:xfrm rot="10800000">
            <a:off x="3728402" y="7"/>
            <a:ext cx="1608227" cy="778039"/>
          </a:xfrm>
          <a:custGeom>
            <a:avLst/>
            <a:gdLst/>
            <a:ahLst/>
            <a:cxnLst/>
            <a:rect l="l" t="t" r="r" b="b"/>
            <a:pathLst>
              <a:path w="5865" h="2707" extrusionOk="0">
                <a:moveTo>
                  <a:pt x="2605" y="1"/>
                </a:moveTo>
                <a:cubicBezTo>
                  <a:pt x="1421" y="1"/>
                  <a:pt x="755" y="1721"/>
                  <a:pt x="129" y="2568"/>
                </a:cubicBezTo>
                <a:cubicBezTo>
                  <a:pt x="86" y="2611"/>
                  <a:pt x="43" y="2664"/>
                  <a:pt x="1" y="2707"/>
                </a:cubicBezTo>
                <a:lnTo>
                  <a:pt x="5864" y="2707"/>
                </a:lnTo>
                <a:cubicBezTo>
                  <a:pt x="4978" y="1938"/>
                  <a:pt x="4358" y="656"/>
                  <a:pt x="3215" y="143"/>
                </a:cubicBezTo>
                <a:cubicBezTo>
                  <a:pt x="2997" y="45"/>
                  <a:pt x="2795" y="1"/>
                  <a:pt x="2605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48" name="Google Shape;148;p13"/>
          <p:cNvSpPr/>
          <p:nvPr/>
        </p:nvSpPr>
        <p:spPr>
          <a:xfrm rot="10800000">
            <a:off x="5359881" y="0"/>
            <a:ext cx="3784119" cy="1006803"/>
          </a:xfrm>
          <a:custGeom>
            <a:avLst/>
            <a:gdLst/>
            <a:ahLst/>
            <a:cxnLst/>
            <a:rect l="l" t="t" r="r" b="b"/>
            <a:pathLst>
              <a:path w="12209" h="3099" extrusionOk="0">
                <a:moveTo>
                  <a:pt x="6332" y="0"/>
                </a:moveTo>
                <a:cubicBezTo>
                  <a:pt x="4270" y="0"/>
                  <a:pt x="1769" y="858"/>
                  <a:pt x="1" y="1593"/>
                </a:cubicBezTo>
                <a:lnTo>
                  <a:pt x="1" y="3099"/>
                </a:lnTo>
                <a:lnTo>
                  <a:pt x="12208" y="3099"/>
                </a:lnTo>
                <a:cubicBezTo>
                  <a:pt x="11418" y="2714"/>
                  <a:pt x="10371" y="1935"/>
                  <a:pt x="8940" y="760"/>
                </a:cubicBezTo>
                <a:cubicBezTo>
                  <a:pt x="8276" y="213"/>
                  <a:pt x="7359" y="0"/>
                  <a:pt x="6332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49" name="Google Shape;149;p13"/>
          <p:cNvSpPr/>
          <p:nvPr/>
        </p:nvSpPr>
        <p:spPr>
          <a:xfrm rot="10800000">
            <a:off x="-3" y="4"/>
            <a:ext cx="3918328" cy="1567321"/>
          </a:xfrm>
          <a:custGeom>
            <a:avLst/>
            <a:gdLst/>
            <a:ahLst/>
            <a:cxnLst/>
            <a:rect l="l" t="t" r="r" b="b"/>
            <a:pathLst>
              <a:path w="11622" h="4796" extrusionOk="0">
                <a:moveTo>
                  <a:pt x="3676" y="0"/>
                </a:moveTo>
                <a:cubicBezTo>
                  <a:pt x="923" y="0"/>
                  <a:pt x="695" y="3396"/>
                  <a:pt x="0" y="4796"/>
                </a:cubicBezTo>
                <a:lnTo>
                  <a:pt x="11621" y="4796"/>
                </a:lnTo>
                <a:lnTo>
                  <a:pt x="11621" y="2382"/>
                </a:lnTo>
                <a:cubicBezTo>
                  <a:pt x="9944" y="1677"/>
                  <a:pt x="7712" y="940"/>
                  <a:pt x="4796" y="160"/>
                </a:cubicBezTo>
                <a:cubicBezTo>
                  <a:pt x="4382" y="50"/>
                  <a:pt x="4010" y="0"/>
                  <a:pt x="3676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50" name="Google Shape;150;p13"/>
          <p:cNvSpPr/>
          <p:nvPr/>
        </p:nvSpPr>
        <p:spPr>
          <a:xfrm rot="10800000">
            <a:off x="6618059" y="2946329"/>
            <a:ext cx="2525941" cy="2192396"/>
          </a:xfrm>
          <a:custGeom>
            <a:avLst/>
            <a:gdLst/>
            <a:ahLst/>
            <a:cxnLst/>
            <a:rect l="l" t="t" r="r" b="b"/>
            <a:pathLst>
              <a:path w="6816" h="5916" extrusionOk="0">
                <a:moveTo>
                  <a:pt x="1" y="0"/>
                </a:moveTo>
                <a:lnTo>
                  <a:pt x="1" y="5597"/>
                </a:lnTo>
                <a:cubicBezTo>
                  <a:pt x="220" y="5784"/>
                  <a:pt x="427" y="5916"/>
                  <a:pt x="641" y="5916"/>
                </a:cubicBezTo>
                <a:cubicBezTo>
                  <a:pt x="708" y="5916"/>
                  <a:pt x="775" y="5903"/>
                  <a:pt x="844" y="5875"/>
                </a:cubicBezTo>
                <a:cubicBezTo>
                  <a:pt x="1816" y="5469"/>
                  <a:pt x="407" y="3109"/>
                  <a:pt x="1207" y="2361"/>
                </a:cubicBezTo>
                <a:cubicBezTo>
                  <a:pt x="1391" y="2190"/>
                  <a:pt x="1600" y="2125"/>
                  <a:pt x="1829" y="2125"/>
                </a:cubicBezTo>
                <a:cubicBezTo>
                  <a:pt x="2536" y="2125"/>
                  <a:pt x="3436" y="2738"/>
                  <a:pt x="4414" y="2738"/>
                </a:cubicBezTo>
                <a:cubicBezTo>
                  <a:pt x="4942" y="2738"/>
                  <a:pt x="5492" y="2559"/>
                  <a:pt x="6046" y="2008"/>
                </a:cubicBezTo>
                <a:cubicBezTo>
                  <a:pt x="6633" y="1421"/>
                  <a:pt x="6815" y="705"/>
                  <a:pt x="6772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200025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INE + TITLE + SUBTITLE">
  <p:cSld name="2_Diapositiva de título"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1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1" name="Google Shape;181;p16"/>
          <p:cNvSpPr>
            <a:spLocks noGrp="1"/>
          </p:cNvSpPr>
          <p:nvPr>
            <p:ph type="pic" idx="2"/>
          </p:nvPr>
        </p:nvSpPr>
        <p:spPr>
          <a:xfrm>
            <a:off x="0" y="0"/>
            <a:ext cx="4572000" cy="5143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0" i="0" u="none" strike="noStrike" cap="none">
                <a:solidFill>
                  <a:schemeClr val="dk1"/>
                </a:solidFill>
                <a:latin typeface="Roboto Light"/>
                <a:ea typeface="Roboto Light"/>
                <a:cs typeface="Roboto Light"/>
                <a:sym typeface="Roboto Light"/>
              </a:defRPr>
            </a:lvl1pPr>
            <a:lvl2pPr marR="0" lvl="1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100"/>
              <a:buFont typeface="Arial"/>
              <a:buNone/>
              <a:defRPr sz="2100" b="0" i="0" u="none" strike="noStrike" cap="none">
                <a:solidFill>
                  <a:schemeClr val="dk1"/>
                </a:solidFill>
                <a:latin typeface="Roboto Light"/>
                <a:ea typeface="Roboto Light"/>
                <a:cs typeface="Roboto Light"/>
                <a:sym typeface="Roboto Light"/>
              </a:defRPr>
            </a:lvl2pPr>
            <a:lvl3pPr marR="0" lvl="2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Roboto Light"/>
                <a:ea typeface="Roboto Light"/>
                <a:cs typeface="Roboto Light"/>
                <a:sym typeface="Roboto Light"/>
              </a:defRPr>
            </a:lvl3pPr>
            <a:lvl4pPr marR="0" lvl="3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None/>
              <a:defRPr sz="1500" b="0" i="0" u="none" strike="noStrike" cap="none">
                <a:solidFill>
                  <a:schemeClr val="dk1"/>
                </a:solidFill>
                <a:latin typeface="Roboto Light"/>
                <a:ea typeface="Roboto Light"/>
                <a:cs typeface="Roboto Light"/>
                <a:sym typeface="Roboto Light"/>
              </a:defRPr>
            </a:lvl4pPr>
            <a:lvl5pPr marR="0" lvl="4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None/>
              <a:defRPr sz="1500" b="0" i="0" u="none" strike="noStrike" cap="none">
                <a:solidFill>
                  <a:schemeClr val="dk1"/>
                </a:solidFill>
                <a:latin typeface="Roboto Light"/>
                <a:ea typeface="Roboto Light"/>
                <a:cs typeface="Roboto Light"/>
                <a:sym typeface="Roboto Light"/>
              </a:defRPr>
            </a:lvl5pPr>
            <a:lvl6pPr marR="0" lvl="5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None/>
              <a:defRPr sz="15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None/>
              <a:defRPr sz="15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None/>
              <a:defRPr sz="15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Font typeface="Arial"/>
              <a:buNone/>
              <a:defRPr sz="15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82" name="Google Shape;182;p16"/>
          <p:cNvSpPr txBox="1">
            <a:spLocks noGrp="1"/>
          </p:cNvSpPr>
          <p:nvPr>
            <p:ph type="ctrTitle"/>
          </p:nvPr>
        </p:nvSpPr>
        <p:spPr>
          <a:xfrm>
            <a:off x="4190296" y="1801293"/>
            <a:ext cx="2966700" cy="1241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b" anchorCtr="0">
            <a:noAutofit/>
          </a:bodyPr>
          <a:lstStyle>
            <a:lvl1pPr lvl="0" algn="r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2100"/>
              <a:buNone/>
              <a:defRPr sz="2100" b="0">
                <a:solidFill>
                  <a:srgbClr val="FFFFFF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 b="1">
                <a:solidFill>
                  <a:srgbClr val="FFFFFF"/>
                </a:solidFill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 b="1">
                <a:solidFill>
                  <a:srgbClr val="FFFFFF"/>
                </a:solidFill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 b="1">
                <a:solidFill>
                  <a:srgbClr val="FFFFFF"/>
                </a:solidFill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 b="1">
                <a:solidFill>
                  <a:srgbClr val="FFFFFF"/>
                </a:solidFill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 b="1">
                <a:solidFill>
                  <a:srgbClr val="FFFFFF"/>
                </a:solidFill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 b="1">
                <a:solidFill>
                  <a:srgbClr val="FFFFFF"/>
                </a:solidFill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 b="1">
                <a:solidFill>
                  <a:srgbClr val="FFFFFF"/>
                </a:solidFill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 b="1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183" name="Google Shape;183;p16"/>
          <p:cNvSpPr txBox="1">
            <a:spLocks noGrp="1"/>
          </p:cNvSpPr>
          <p:nvPr>
            <p:ph type="subTitle" idx="1"/>
          </p:nvPr>
        </p:nvSpPr>
        <p:spPr>
          <a:xfrm>
            <a:off x="4769001" y="3394960"/>
            <a:ext cx="2388000" cy="1004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lvl="0" algn="r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rgbClr val="FFFFFF"/>
              </a:buClr>
              <a:buSzPts val="1100"/>
              <a:buNone/>
              <a:defRPr sz="1100">
                <a:solidFill>
                  <a:srgbClr val="FFFFFF"/>
                </a:solidFill>
              </a:defRPr>
            </a:lvl1pPr>
            <a:lvl2pPr lvl="1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500"/>
              <a:buNone/>
              <a:defRPr sz="1500">
                <a:solidFill>
                  <a:srgbClr val="FFFFFF"/>
                </a:solidFill>
              </a:defRPr>
            </a:lvl2pPr>
            <a:lvl3pPr lvl="2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400"/>
              <a:buNone/>
              <a:defRPr sz="1400">
                <a:solidFill>
                  <a:srgbClr val="FFFFFF"/>
                </a:solidFill>
              </a:defRPr>
            </a:lvl3pPr>
            <a:lvl4pPr lvl="3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4pPr>
            <a:lvl5pPr lvl="4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5pPr>
            <a:lvl6pPr lvl="5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6pPr>
            <a:lvl7pPr lvl="6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7pPr>
            <a:lvl8pPr lvl="7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8pPr>
            <a:lvl9pPr lvl="8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FFFFFF"/>
              </a:buClr>
              <a:buSzPts val="1200"/>
              <a:buNone/>
              <a:defRPr sz="12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184" name="Google Shape;184;p16"/>
          <p:cNvSpPr txBox="1"/>
          <p:nvPr/>
        </p:nvSpPr>
        <p:spPr>
          <a:xfrm>
            <a:off x="6772942" y="4670822"/>
            <a:ext cx="2057400" cy="273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ES" sz="800" b="0" i="0" u="none" strike="noStrike" cap="none">
                <a:solidFill>
                  <a:srgbClr val="FFFFFF"/>
                </a:solidFill>
                <a:latin typeface="Nunito Sans SemiBold"/>
                <a:ea typeface="Nunito Sans SemiBold"/>
                <a:cs typeface="Nunito Sans SemiBold"/>
                <a:sym typeface="Nunito Sans SemiBold"/>
              </a:rPr>
              <a:t>‹#›</a:t>
            </a:fld>
            <a:endParaRPr sz="800" b="0" i="0" u="none" strike="noStrike" cap="none">
              <a:solidFill>
                <a:srgbClr val="FFFFFF"/>
              </a:solidFill>
              <a:latin typeface="Nunito Sans SemiBold"/>
              <a:ea typeface="Nunito Sans SemiBold"/>
              <a:cs typeface="Nunito Sans SemiBold"/>
              <a:sym typeface="Nunito Sans SemiBold"/>
            </a:endParaRPr>
          </a:p>
        </p:txBody>
      </p:sp>
      <p:sp>
        <p:nvSpPr>
          <p:cNvPr id="185" name="Google Shape;185;p16"/>
          <p:cNvSpPr/>
          <p:nvPr/>
        </p:nvSpPr>
        <p:spPr>
          <a:xfrm>
            <a:off x="6804150" y="3444550"/>
            <a:ext cx="2335700" cy="1698947"/>
          </a:xfrm>
          <a:custGeom>
            <a:avLst/>
            <a:gdLst/>
            <a:ahLst/>
            <a:cxnLst/>
            <a:rect l="l" t="t" r="r" b="b"/>
            <a:pathLst>
              <a:path w="12402" h="9021" extrusionOk="0">
                <a:moveTo>
                  <a:pt x="8861" y="0"/>
                </a:moveTo>
                <a:cubicBezTo>
                  <a:pt x="7876" y="0"/>
                  <a:pt x="6959" y="246"/>
                  <a:pt x="6345" y="946"/>
                </a:cubicBezTo>
                <a:cubicBezTo>
                  <a:pt x="4765" y="2751"/>
                  <a:pt x="6495" y="4876"/>
                  <a:pt x="6015" y="5667"/>
                </a:cubicBezTo>
                <a:cubicBezTo>
                  <a:pt x="5966" y="5747"/>
                  <a:pt x="5907" y="5783"/>
                  <a:pt x="5838" y="5783"/>
                </a:cubicBezTo>
                <a:cubicBezTo>
                  <a:pt x="5310" y="5783"/>
                  <a:pt x="4210" y="3706"/>
                  <a:pt x="2742" y="3706"/>
                </a:cubicBezTo>
                <a:cubicBezTo>
                  <a:pt x="2513" y="3706"/>
                  <a:pt x="2276" y="3756"/>
                  <a:pt x="2030" y="3872"/>
                </a:cubicBezTo>
                <a:cubicBezTo>
                  <a:pt x="290" y="4694"/>
                  <a:pt x="1" y="7536"/>
                  <a:pt x="877" y="9021"/>
                </a:cubicBezTo>
                <a:lnTo>
                  <a:pt x="9699" y="9021"/>
                </a:lnTo>
                <a:lnTo>
                  <a:pt x="12402" y="7172"/>
                </a:lnTo>
                <a:lnTo>
                  <a:pt x="12402" y="743"/>
                </a:lnTo>
                <a:cubicBezTo>
                  <a:pt x="11419" y="382"/>
                  <a:pt x="10087" y="0"/>
                  <a:pt x="8861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14300" dir="101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86" name="Google Shape;186;p16"/>
          <p:cNvSpPr/>
          <p:nvPr/>
        </p:nvSpPr>
        <p:spPr>
          <a:xfrm>
            <a:off x="8182185" y="1291906"/>
            <a:ext cx="957671" cy="3049103"/>
          </a:xfrm>
          <a:custGeom>
            <a:avLst/>
            <a:gdLst/>
            <a:ahLst/>
            <a:cxnLst/>
            <a:rect l="l" t="t" r="r" b="b"/>
            <a:pathLst>
              <a:path w="5085" h="16190" extrusionOk="0">
                <a:moveTo>
                  <a:pt x="4947" y="1"/>
                </a:moveTo>
                <a:cubicBezTo>
                  <a:pt x="3385" y="1"/>
                  <a:pt x="3531" y="2861"/>
                  <a:pt x="2980" y="4451"/>
                </a:cubicBezTo>
                <a:cubicBezTo>
                  <a:pt x="2201" y="6683"/>
                  <a:pt x="289" y="6405"/>
                  <a:pt x="139" y="7505"/>
                </a:cubicBezTo>
                <a:cubicBezTo>
                  <a:pt x="1" y="8541"/>
                  <a:pt x="1399" y="8424"/>
                  <a:pt x="1646" y="9481"/>
                </a:cubicBezTo>
                <a:cubicBezTo>
                  <a:pt x="1976" y="10891"/>
                  <a:pt x="225" y="11404"/>
                  <a:pt x="919" y="14021"/>
                </a:cubicBezTo>
                <a:cubicBezTo>
                  <a:pt x="1430" y="15932"/>
                  <a:pt x="3731" y="16190"/>
                  <a:pt x="4930" y="16190"/>
                </a:cubicBezTo>
                <a:cubicBezTo>
                  <a:pt x="4984" y="16190"/>
                  <a:pt x="5036" y="16189"/>
                  <a:pt x="5085" y="16189"/>
                </a:cubicBezTo>
                <a:lnTo>
                  <a:pt x="5085" y="8"/>
                </a:lnTo>
                <a:cubicBezTo>
                  <a:pt x="5037" y="3"/>
                  <a:pt x="4992" y="1"/>
                  <a:pt x="4947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71450" dir="678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87" name="Google Shape;187;p16"/>
          <p:cNvSpPr/>
          <p:nvPr/>
        </p:nvSpPr>
        <p:spPr>
          <a:xfrm>
            <a:off x="7417929" y="3930261"/>
            <a:ext cx="1726067" cy="1213238"/>
          </a:xfrm>
          <a:custGeom>
            <a:avLst/>
            <a:gdLst/>
            <a:ahLst/>
            <a:cxnLst/>
            <a:rect l="l" t="t" r="r" b="b"/>
            <a:pathLst>
              <a:path w="9165" h="6442" extrusionOk="0">
                <a:moveTo>
                  <a:pt x="6969" y="1"/>
                </a:moveTo>
                <a:cubicBezTo>
                  <a:pt x="6062" y="1"/>
                  <a:pt x="5147" y="144"/>
                  <a:pt x="4475" y="589"/>
                </a:cubicBezTo>
                <a:cubicBezTo>
                  <a:pt x="2531" y="1870"/>
                  <a:pt x="3909" y="3622"/>
                  <a:pt x="3749" y="4722"/>
                </a:cubicBezTo>
                <a:cubicBezTo>
                  <a:pt x="3673" y="5214"/>
                  <a:pt x="3499" y="5372"/>
                  <a:pt x="3271" y="5372"/>
                </a:cubicBezTo>
                <a:cubicBezTo>
                  <a:pt x="3050" y="5372"/>
                  <a:pt x="2779" y="5222"/>
                  <a:pt x="2499" y="5085"/>
                </a:cubicBezTo>
                <a:cubicBezTo>
                  <a:pt x="2179" y="4935"/>
                  <a:pt x="1890" y="4807"/>
                  <a:pt x="1676" y="4807"/>
                </a:cubicBezTo>
                <a:cubicBezTo>
                  <a:pt x="523" y="4818"/>
                  <a:pt x="865" y="5844"/>
                  <a:pt x="0" y="6442"/>
                </a:cubicBezTo>
                <a:lnTo>
                  <a:pt x="9164" y="6442"/>
                </a:lnTo>
                <a:lnTo>
                  <a:pt x="9164" y="225"/>
                </a:lnTo>
                <a:cubicBezTo>
                  <a:pt x="8551" y="111"/>
                  <a:pt x="7763" y="1"/>
                  <a:pt x="6969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14300" dir="101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88" name="Google Shape;188;p16"/>
          <p:cNvSpPr/>
          <p:nvPr/>
        </p:nvSpPr>
        <p:spPr>
          <a:xfrm>
            <a:off x="4678424" y="4546187"/>
            <a:ext cx="2633077" cy="523188"/>
          </a:xfrm>
          <a:custGeom>
            <a:avLst/>
            <a:gdLst/>
            <a:ahLst/>
            <a:cxnLst/>
            <a:rect l="l" t="t" r="r" b="b"/>
            <a:pathLst>
              <a:path w="13981" h="2778" extrusionOk="0">
                <a:moveTo>
                  <a:pt x="10490" y="1"/>
                </a:moveTo>
                <a:cubicBezTo>
                  <a:pt x="10379" y="1"/>
                  <a:pt x="10264" y="11"/>
                  <a:pt x="10147" y="32"/>
                </a:cubicBezTo>
                <a:cubicBezTo>
                  <a:pt x="8636" y="312"/>
                  <a:pt x="8469" y="2288"/>
                  <a:pt x="6274" y="2288"/>
                </a:cubicBezTo>
                <a:cubicBezTo>
                  <a:pt x="6032" y="2288"/>
                  <a:pt x="5765" y="2264"/>
                  <a:pt x="5469" y="2211"/>
                </a:cubicBezTo>
                <a:cubicBezTo>
                  <a:pt x="4760" y="2083"/>
                  <a:pt x="4104" y="2026"/>
                  <a:pt x="3496" y="2026"/>
                </a:cubicBezTo>
                <a:cubicBezTo>
                  <a:pt x="2079" y="2026"/>
                  <a:pt x="927" y="2336"/>
                  <a:pt x="0" y="2778"/>
                </a:cubicBezTo>
                <a:lnTo>
                  <a:pt x="13981" y="2778"/>
                </a:lnTo>
                <a:cubicBezTo>
                  <a:pt x="13179" y="2286"/>
                  <a:pt x="12171" y="1"/>
                  <a:pt x="10490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33350" dir="1146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89" name="Google Shape;189;p16"/>
          <p:cNvSpPr/>
          <p:nvPr/>
        </p:nvSpPr>
        <p:spPr>
          <a:xfrm>
            <a:off x="0" y="2124503"/>
            <a:ext cx="643947" cy="2409965"/>
          </a:xfrm>
          <a:custGeom>
            <a:avLst/>
            <a:gdLst/>
            <a:ahLst/>
            <a:cxnLst/>
            <a:rect l="l" t="t" r="r" b="b"/>
            <a:pathLst>
              <a:path w="2629" h="9839" extrusionOk="0">
                <a:moveTo>
                  <a:pt x="1" y="1"/>
                </a:moveTo>
                <a:lnTo>
                  <a:pt x="1" y="9838"/>
                </a:lnTo>
                <a:cubicBezTo>
                  <a:pt x="2575" y="7531"/>
                  <a:pt x="2628" y="5640"/>
                  <a:pt x="289" y="589"/>
                </a:cubicBezTo>
                <a:cubicBezTo>
                  <a:pt x="204" y="385"/>
                  <a:pt x="97" y="193"/>
                  <a:pt x="1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247650" dir="1626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0" name="Google Shape;190;p16"/>
          <p:cNvSpPr/>
          <p:nvPr/>
        </p:nvSpPr>
        <p:spPr>
          <a:xfrm>
            <a:off x="0" y="3075"/>
            <a:ext cx="1944089" cy="1397138"/>
          </a:xfrm>
          <a:custGeom>
            <a:avLst/>
            <a:gdLst/>
            <a:ahLst/>
            <a:cxnLst/>
            <a:rect l="l" t="t" r="r" b="b"/>
            <a:pathLst>
              <a:path w="7937" h="5704" extrusionOk="0">
                <a:moveTo>
                  <a:pt x="1" y="0"/>
                </a:moveTo>
                <a:lnTo>
                  <a:pt x="1" y="5704"/>
                </a:lnTo>
                <a:cubicBezTo>
                  <a:pt x="214" y="5533"/>
                  <a:pt x="482" y="5362"/>
                  <a:pt x="823" y="5191"/>
                </a:cubicBezTo>
                <a:cubicBezTo>
                  <a:pt x="3312" y="3898"/>
                  <a:pt x="620" y="1677"/>
                  <a:pt x="2062" y="620"/>
                </a:cubicBezTo>
                <a:cubicBezTo>
                  <a:pt x="2291" y="452"/>
                  <a:pt x="2522" y="383"/>
                  <a:pt x="2754" y="383"/>
                </a:cubicBezTo>
                <a:cubicBezTo>
                  <a:pt x="3797" y="383"/>
                  <a:pt x="4869" y="1766"/>
                  <a:pt x="5903" y="1766"/>
                </a:cubicBezTo>
                <a:cubicBezTo>
                  <a:pt x="6091" y="1766"/>
                  <a:pt x="6278" y="1720"/>
                  <a:pt x="6463" y="1613"/>
                </a:cubicBezTo>
                <a:cubicBezTo>
                  <a:pt x="7040" y="1282"/>
                  <a:pt x="7488" y="620"/>
                  <a:pt x="7937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76200" dir="14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1" name="Google Shape;191;p16"/>
          <p:cNvSpPr/>
          <p:nvPr/>
        </p:nvSpPr>
        <p:spPr>
          <a:xfrm>
            <a:off x="4926743" y="0"/>
            <a:ext cx="2319503" cy="682705"/>
          </a:xfrm>
          <a:custGeom>
            <a:avLst/>
            <a:gdLst/>
            <a:ahLst/>
            <a:cxnLst/>
            <a:rect l="l" t="t" r="r" b="b"/>
            <a:pathLst>
              <a:path w="12316" h="3625" extrusionOk="0">
                <a:moveTo>
                  <a:pt x="1" y="0"/>
                </a:moveTo>
                <a:cubicBezTo>
                  <a:pt x="972" y="1325"/>
                  <a:pt x="1784" y="3162"/>
                  <a:pt x="3803" y="3556"/>
                </a:cubicBezTo>
                <a:cubicBezTo>
                  <a:pt x="4037" y="3602"/>
                  <a:pt x="4281" y="3624"/>
                  <a:pt x="4533" y="3624"/>
                </a:cubicBezTo>
                <a:cubicBezTo>
                  <a:pt x="7086" y="3624"/>
                  <a:pt x="10439" y="1409"/>
                  <a:pt x="12315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23825" dir="14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2" name="Google Shape;192;p16"/>
          <p:cNvSpPr/>
          <p:nvPr/>
        </p:nvSpPr>
        <p:spPr>
          <a:xfrm>
            <a:off x="5913146" y="0"/>
            <a:ext cx="3226701" cy="1925135"/>
          </a:xfrm>
          <a:custGeom>
            <a:avLst/>
            <a:gdLst/>
            <a:ahLst/>
            <a:cxnLst/>
            <a:rect l="l" t="t" r="r" b="b"/>
            <a:pathLst>
              <a:path w="17133" h="10222" extrusionOk="0">
                <a:moveTo>
                  <a:pt x="1" y="0"/>
                </a:moveTo>
                <a:cubicBezTo>
                  <a:pt x="1570" y="662"/>
                  <a:pt x="3419" y="1313"/>
                  <a:pt x="4529" y="1313"/>
                </a:cubicBezTo>
                <a:cubicBezTo>
                  <a:pt x="6373" y="1313"/>
                  <a:pt x="7673" y="389"/>
                  <a:pt x="8664" y="389"/>
                </a:cubicBezTo>
                <a:cubicBezTo>
                  <a:pt x="8844" y="389"/>
                  <a:pt x="9014" y="419"/>
                  <a:pt x="9175" y="491"/>
                </a:cubicBezTo>
                <a:cubicBezTo>
                  <a:pt x="9699" y="726"/>
                  <a:pt x="9773" y="1292"/>
                  <a:pt x="9272" y="3204"/>
                </a:cubicBezTo>
                <a:cubicBezTo>
                  <a:pt x="9120" y="3797"/>
                  <a:pt x="9438" y="3990"/>
                  <a:pt x="9926" y="3990"/>
                </a:cubicBezTo>
                <a:cubicBezTo>
                  <a:pt x="10748" y="3990"/>
                  <a:pt x="12054" y="3444"/>
                  <a:pt x="12422" y="3343"/>
                </a:cubicBezTo>
                <a:cubicBezTo>
                  <a:pt x="12696" y="3268"/>
                  <a:pt x="13011" y="3218"/>
                  <a:pt x="13322" y="3218"/>
                </a:cubicBezTo>
                <a:cubicBezTo>
                  <a:pt x="13811" y="3218"/>
                  <a:pt x="14288" y="3343"/>
                  <a:pt x="14569" y="3696"/>
                </a:cubicBezTo>
                <a:cubicBezTo>
                  <a:pt x="15626" y="5041"/>
                  <a:pt x="15488" y="6815"/>
                  <a:pt x="15744" y="8064"/>
                </a:cubicBezTo>
                <a:cubicBezTo>
                  <a:pt x="16011" y="9324"/>
                  <a:pt x="16513" y="9976"/>
                  <a:pt x="17133" y="10221"/>
                </a:cubicBezTo>
                <a:lnTo>
                  <a:pt x="17133" y="0"/>
                </a:ln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14300" dist="123825" dir="14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+ SUBTITLE">
  <p:cSld name="4_Diapositiva de título"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19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7" name="Google Shape;197;p18"/>
          <p:cNvSpPr/>
          <p:nvPr/>
        </p:nvSpPr>
        <p:spPr>
          <a:xfrm flipH="1">
            <a:off x="1028325" y="399713"/>
            <a:ext cx="7083900" cy="4344000"/>
          </a:xfrm>
          <a:prstGeom prst="rect">
            <a:avLst/>
          </a:prstGeom>
          <a:noFill/>
          <a:ln w="3810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68575" tIns="68575" rIns="68575" bIns="68575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endParaRPr sz="1100">
              <a:solidFill>
                <a:srgbClr val="434343"/>
              </a:solidFill>
            </a:endParaRPr>
          </a:p>
        </p:txBody>
      </p:sp>
      <p:sp>
        <p:nvSpPr>
          <p:cNvPr id="198" name="Google Shape;198;p18"/>
          <p:cNvSpPr txBox="1">
            <a:spLocks noGrp="1"/>
          </p:cNvSpPr>
          <p:nvPr>
            <p:ph type="ctrTitle"/>
          </p:nvPr>
        </p:nvSpPr>
        <p:spPr>
          <a:xfrm>
            <a:off x="1709636" y="1515646"/>
            <a:ext cx="5724600" cy="1241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b" anchorCtr="0">
            <a:noAutofit/>
          </a:bodyPr>
          <a:lstStyle>
            <a:lvl1pPr lvl="0" algn="ctr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accent6"/>
              </a:buClr>
              <a:buSzPts val="5000"/>
              <a:buNone/>
              <a:defRPr sz="5000" b="0">
                <a:solidFill>
                  <a:schemeClr val="accent6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100"/>
              <a:buNone/>
              <a:defRPr/>
            </a:lvl9pPr>
          </a:lstStyle>
          <a:p>
            <a:endParaRPr/>
          </a:p>
        </p:txBody>
      </p:sp>
      <p:sp>
        <p:nvSpPr>
          <p:cNvPr id="199" name="Google Shape;199;p18"/>
          <p:cNvSpPr txBox="1">
            <a:spLocks noGrp="1"/>
          </p:cNvSpPr>
          <p:nvPr>
            <p:ph type="subTitle" idx="1"/>
          </p:nvPr>
        </p:nvSpPr>
        <p:spPr>
          <a:xfrm>
            <a:off x="3206903" y="3227865"/>
            <a:ext cx="2724600" cy="1004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lvl="0" algn="ctr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chemeClr val="accent6"/>
              </a:buClr>
              <a:buSzPts val="1200"/>
              <a:buNone/>
              <a:defRPr sz="1200">
                <a:solidFill>
                  <a:schemeClr val="accent6"/>
                </a:solidFill>
              </a:defRPr>
            </a:lvl1pPr>
            <a:lvl2pPr lvl="1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500"/>
              <a:buNone/>
              <a:defRPr sz="1500"/>
            </a:lvl2pPr>
            <a:lvl3pPr lvl="2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3pPr>
            <a:lvl4pPr lvl="3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4pPr>
            <a:lvl5pPr lvl="4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5pPr>
            <a:lvl6pPr lvl="5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6pPr>
            <a:lvl7pPr lvl="6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7pPr>
            <a:lvl8pPr lvl="7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8pPr>
            <a:lvl9pPr lvl="8" algn="ctr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9pPr>
          </a:lstStyle>
          <a:p>
            <a:endParaRPr/>
          </a:p>
        </p:txBody>
      </p:sp>
      <p:cxnSp>
        <p:nvCxnSpPr>
          <p:cNvPr id="200" name="Google Shape;200;p18"/>
          <p:cNvCxnSpPr/>
          <p:nvPr/>
        </p:nvCxnSpPr>
        <p:spPr>
          <a:xfrm rot="10800000">
            <a:off x="2962931" y="2914144"/>
            <a:ext cx="3212400" cy="0"/>
          </a:xfrm>
          <a:prstGeom prst="straightConnector1">
            <a:avLst/>
          </a:prstGeom>
          <a:noFill/>
          <a:ln w="38100" cap="flat" cmpd="sng">
            <a:solidFill>
              <a:schemeClr val="accent6"/>
            </a:solidFill>
            <a:prstDash val="solid"/>
            <a:miter lim="800000"/>
            <a:headEnd type="none" w="sm" len="sm"/>
            <a:tailEnd type="none" w="sm" len="sm"/>
          </a:ln>
        </p:spPr>
      </p:cxnSp>
      <p:sp>
        <p:nvSpPr>
          <p:cNvPr id="201" name="Google Shape;201;p18"/>
          <p:cNvSpPr/>
          <p:nvPr/>
        </p:nvSpPr>
        <p:spPr>
          <a:xfrm>
            <a:off x="4863180" y="3041523"/>
            <a:ext cx="4277414" cy="2101968"/>
          </a:xfrm>
          <a:custGeom>
            <a:avLst/>
            <a:gdLst/>
            <a:ahLst/>
            <a:cxnLst/>
            <a:rect l="l" t="t" r="r" b="b"/>
            <a:pathLst>
              <a:path w="17464" h="8582" extrusionOk="0">
                <a:moveTo>
                  <a:pt x="16370" y="1"/>
                </a:moveTo>
                <a:cubicBezTo>
                  <a:pt x="15547" y="1"/>
                  <a:pt x="14791" y="341"/>
                  <a:pt x="14270" y="1361"/>
                </a:cubicBezTo>
                <a:cubicBezTo>
                  <a:pt x="13465" y="2920"/>
                  <a:pt x="12816" y="3336"/>
                  <a:pt x="12233" y="3336"/>
                </a:cubicBezTo>
                <a:cubicBezTo>
                  <a:pt x="11826" y="3336"/>
                  <a:pt x="11450" y="3132"/>
                  <a:pt x="11077" y="2974"/>
                </a:cubicBezTo>
                <a:cubicBezTo>
                  <a:pt x="10441" y="2702"/>
                  <a:pt x="8470" y="1319"/>
                  <a:pt x="6737" y="1319"/>
                </a:cubicBezTo>
                <a:cubicBezTo>
                  <a:pt x="6024" y="1319"/>
                  <a:pt x="5351" y="1553"/>
                  <a:pt x="4828" y="2194"/>
                </a:cubicBezTo>
                <a:cubicBezTo>
                  <a:pt x="3349" y="4029"/>
                  <a:pt x="3405" y="4562"/>
                  <a:pt x="3059" y="4562"/>
                </a:cubicBezTo>
                <a:cubicBezTo>
                  <a:pt x="2988" y="4562"/>
                  <a:pt x="2899" y="4539"/>
                  <a:pt x="2777" y="4501"/>
                </a:cubicBezTo>
                <a:cubicBezTo>
                  <a:pt x="2423" y="4385"/>
                  <a:pt x="1922" y="4163"/>
                  <a:pt x="1460" y="4163"/>
                </a:cubicBezTo>
                <a:cubicBezTo>
                  <a:pt x="991" y="4163"/>
                  <a:pt x="563" y="4393"/>
                  <a:pt x="375" y="5196"/>
                </a:cubicBezTo>
                <a:cubicBezTo>
                  <a:pt x="0" y="6787"/>
                  <a:pt x="1870" y="7257"/>
                  <a:pt x="1870" y="7257"/>
                </a:cubicBezTo>
                <a:lnTo>
                  <a:pt x="5822" y="7919"/>
                </a:lnTo>
                <a:lnTo>
                  <a:pt x="10094" y="7257"/>
                </a:lnTo>
                <a:lnTo>
                  <a:pt x="11376" y="8581"/>
                </a:lnTo>
                <a:lnTo>
                  <a:pt x="17464" y="8581"/>
                </a:lnTo>
                <a:lnTo>
                  <a:pt x="17464" y="165"/>
                </a:lnTo>
                <a:cubicBezTo>
                  <a:pt x="17096" y="65"/>
                  <a:pt x="16726" y="1"/>
                  <a:pt x="16370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85738" dist="19050" dir="834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2" name="Google Shape;202;p18"/>
          <p:cNvSpPr/>
          <p:nvPr/>
        </p:nvSpPr>
        <p:spPr>
          <a:xfrm>
            <a:off x="5004272" y="0"/>
            <a:ext cx="2307201" cy="716694"/>
          </a:xfrm>
          <a:custGeom>
            <a:avLst/>
            <a:gdLst/>
            <a:ahLst/>
            <a:cxnLst/>
            <a:rect l="l" t="t" r="r" b="b"/>
            <a:pathLst>
              <a:path w="3451" h="1072" extrusionOk="0">
                <a:moveTo>
                  <a:pt x="128" y="1"/>
                </a:moveTo>
                <a:cubicBezTo>
                  <a:pt x="0" y="300"/>
                  <a:pt x="21" y="599"/>
                  <a:pt x="278" y="877"/>
                </a:cubicBezTo>
                <a:cubicBezTo>
                  <a:pt x="404" y="1013"/>
                  <a:pt x="581" y="1072"/>
                  <a:pt x="797" y="1072"/>
                </a:cubicBezTo>
                <a:cubicBezTo>
                  <a:pt x="1455" y="1072"/>
                  <a:pt x="2468" y="524"/>
                  <a:pt x="3450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71450" dist="57150" dir="81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3" name="Google Shape;203;p18"/>
          <p:cNvSpPr/>
          <p:nvPr/>
        </p:nvSpPr>
        <p:spPr>
          <a:xfrm>
            <a:off x="7527484" y="0"/>
            <a:ext cx="1613116" cy="3240912"/>
          </a:xfrm>
          <a:custGeom>
            <a:avLst/>
            <a:gdLst/>
            <a:ahLst/>
            <a:cxnLst/>
            <a:rect l="l" t="t" r="r" b="b"/>
            <a:pathLst>
              <a:path w="4615" h="9272" extrusionOk="0">
                <a:moveTo>
                  <a:pt x="2372" y="1"/>
                </a:moveTo>
                <a:cubicBezTo>
                  <a:pt x="2105" y="1090"/>
                  <a:pt x="1" y="1902"/>
                  <a:pt x="374" y="3280"/>
                </a:cubicBezTo>
                <a:cubicBezTo>
                  <a:pt x="759" y="4690"/>
                  <a:pt x="2062" y="4209"/>
                  <a:pt x="2916" y="5609"/>
                </a:cubicBezTo>
                <a:cubicBezTo>
                  <a:pt x="3632" y="6794"/>
                  <a:pt x="3248" y="8225"/>
                  <a:pt x="4615" y="9272"/>
                </a:cubicBezTo>
                <a:lnTo>
                  <a:pt x="4615" y="1"/>
                </a:ln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71450" dist="57150" dir="81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4" name="Google Shape;204;p18"/>
          <p:cNvSpPr/>
          <p:nvPr/>
        </p:nvSpPr>
        <p:spPr>
          <a:xfrm>
            <a:off x="1360333" y="4515993"/>
            <a:ext cx="1365716" cy="627504"/>
          </a:xfrm>
          <a:custGeom>
            <a:avLst/>
            <a:gdLst/>
            <a:ahLst/>
            <a:cxnLst/>
            <a:rect l="l" t="t" r="r" b="b"/>
            <a:pathLst>
              <a:path w="5576" h="2562" extrusionOk="0">
                <a:moveTo>
                  <a:pt x="3087" y="0"/>
                </a:moveTo>
                <a:cubicBezTo>
                  <a:pt x="2895" y="0"/>
                  <a:pt x="2689" y="46"/>
                  <a:pt x="2467" y="147"/>
                </a:cubicBezTo>
                <a:cubicBezTo>
                  <a:pt x="1399" y="628"/>
                  <a:pt x="791" y="1782"/>
                  <a:pt x="1" y="2561"/>
                </a:cubicBezTo>
                <a:lnTo>
                  <a:pt x="5576" y="2561"/>
                </a:lnTo>
                <a:lnTo>
                  <a:pt x="5565" y="2551"/>
                </a:lnTo>
                <a:cubicBezTo>
                  <a:pt x="4932" y="1706"/>
                  <a:pt x="4266" y="0"/>
                  <a:pt x="3087" y="0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71450" dist="19050" dir="1788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5" name="Google Shape;205;p18"/>
          <p:cNvSpPr/>
          <p:nvPr/>
        </p:nvSpPr>
        <p:spPr>
          <a:xfrm>
            <a:off x="-11145" y="4049649"/>
            <a:ext cx="703922" cy="1093846"/>
          </a:xfrm>
          <a:custGeom>
            <a:avLst/>
            <a:gdLst/>
            <a:ahLst/>
            <a:cxnLst/>
            <a:rect l="l" t="t" r="r" b="b"/>
            <a:pathLst>
              <a:path w="2874" h="4466" extrusionOk="0">
                <a:moveTo>
                  <a:pt x="0" y="1"/>
                </a:moveTo>
                <a:lnTo>
                  <a:pt x="0" y="4465"/>
                </a:lnTo>
                <a:lnTo>
                  <a:pt x="2874" y="4465"/>
                </a:lnTo>
                <a:cubicBezTo>
                  <a:pt x="2297" y="3152"/>
                  <a:pt x="1977" y="556"/>
                  <a:pt x="0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7145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6" name="Google Shape;206;p18"/>
          <p:cNvSpPr/>
          <p:nvPr/>
        </p:nvSpPr>
        <p:spPr>
          <a:xfrm>
            <a:off x="4083572" y="4223548"/>
            <a:ext cx="4136336" cy="919948"/>
          </a:xfrm>
          <a:custGeom>
            <a:avLst/>
            <a:gdLst/>
            <a:ahLst/>
            <a:cxnLst/>
            <a:rect l="l" t="t" r="r" b="b"/>
            <a:pathLst>
              <a:path w="16888" h="3756" extrusionOk="0">
                <a:moveTo>
                  <a:pt x="7399" y="1"/>
                </a:moveTo>
                <a:cubicBezTo>
                  <a:pt x="5849" y="1"/>
                  <a:pt x="4332" y="422"/>
                  <a:pt x="3013" y="1523"/>
                </a:cubicBezTo>
                <a:cubicBezTo>
                  <a:pt x="1731" y="2591"/>
                  <a:pt x="759" y="3339"/>
                  <a:pt x="1" y="3755"/>
                </a:cubicBezTo>
                <a:lnTo>
                  <a:pt x="16887" y="3755"/>
                </a:lnTo>
                <a:cubicBezTo>
                  <a:pt x="15103" y="2478"/>
                  <a:pt x="11156" y="1"/>
                  <a:pt x="7399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85738" dist="9525" dir="1746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7" name="Google Shape;207;p18"/>
          <p:cNvSpPr/>
          <p:nvPr/>
        </p:nvSpPr>
        <p:spPr>
          <a:xfrm>
            <a:off x="-11145" y="1446793"/>
            <a:ext cx="902803" cy="2503649"/>
          </a:xfrm>
          <a:custGeom>
            <a:avLst/>
            <a:gdLst/>
            <a:ahLst/>
            <a:cxnLst/>
            <a:rect l="l" t="t" r="r" b="b"/>
            <a:pathLst>
              <a:path w="3686" h="10222" extrusionOk="0">
                <a:moveTo>
                  <a:pt x="0" y="1"/>
                </a:moveTo>
                <a:lnTo>
                  <a:pt x="0" y="10222"/>
                </a:lnTo>
                <a:cubicBezTo>
                  <a:pt x="1251" y="9421"/>
                  <a:pt x="3012" y="9955"/>
                  <a:pt x="3237" y="9101"/>
                </a:cubicBezTo>
                <a:cubicBezTo>
                  <a:pt x="3515" y="8086"/>
                  <a:pt x="781" y="7765"/>
                  <a:pt x="674" y="6676"/>
                </a:cubicBezTo>
                <a:cubicBezTo>
                  <a:pt x="534" y="5244"/>
                  <a:pt x="3686" y="5309"/>
                  <a:pt x="3344" y="2628"/>
                </a:cubicBezTo>
                <a:cubicBezTo>
                  <a:pt x="3119" y="844"/>
                  <a:pt x="1229" y="225"/>
                  <a:pt x="0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71450" dist="19050" dir="54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8" name="Google Shape;208;p18"/>
          <p:cNvSpPr/>
          <p:nvPr/>
        </p:nvSpPr>
        <p:spPr>
          <a:xfrm>
            <a:off x="-123558" y="0"/>
            <a:ext cx="3404969" cy="2815414"/>
          </a:xfrm>
          <a:custGeom>
            <a:avLst/>
            <a:gdLst/>
            <a:ahLst/>
            <a:cxnLst/>
            <a:rect l="l" t="t" r="r" b="b"/>
            <a:pathLst>
              <a:path w="11782" h="9742" extrusionOk="0">
                <a:moveTo>
                  <a:pt x="459" y="1"/>
                </a:moveTo>
                <a:lnTo>
                  <a:pt x="459" y="9742"/>
                </a:lnTo>
                <a:cubicBezTo>
                  <a:pt x="823" y="9699"/>
                  <a:pt x="1100" y="9603"/>
                  <a:pt x="1271" y="9454"/>
                </a:cubicBezTo>
                <a:cubicBezTo>
                  <a:pt x="2425" y="8439"/>
                  <a:pt x="1" y="5886"/>
                  <a:pt x="1133" y="5555"/>
                </a:cubicBezTo>
                <a:cubicBezTo>
                  <a:pt x="1262" y="5518"/>
                  <a:pt x="1409" y="5502"/>
                  <a:pt x="1569" y="5502"/>
                </a:cubicBezTo>
                <a:cubicBezTo>
                  <a:pt x="2574" y="5502"/>
                  <a:pt x="4088" y="6129"/>
                  <a:pt x="4990" y="6129"/>
                </a:cubicBezTo>
                <a:cubicBezTo>
                  <a:pt x="5197" y="6129"/>
                  <a:pt x="5372" y="6096"/>
                  <a:pt x="5501" y="6014"/>
                </a:cubicBezTo>
                <a:cubicBezTo>
                  <a:pt x="6782" y="5192"/>
                  <a:pt x="4764" y="3120"/>
                  <a:pt x="5159" y="2426"/>
                </a:cubicBezTo>
                <a:cubicBezTo>
                  <a:pt x="6078" y="812"/>
                  <a:pt x="10041" y="2180"/>
                  <a:pt x="11781" y="1"/>
                </a:cubicBezTo>
                <a:close/>
              </a:path>
            </a:pathLst>
          </a:custGeom>
          <a:gradFill>
            <a:gsLst>
              <a:gs pos="0">
                <a:srgbClr val="0C2E3A"/>
              </a:gs>
              <a:gs pos="100000">
                <a:srgbClr val="110F16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>
            <a:outerShdw blurRad="171450" dist="57150" dir="8100000" algn="bl" rotWithShape="0">
              <a:srgbClr val="000000">
                <a:alpha val="50000"/>
              </a:srgbClr>
            </a:outerShdw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1"/>
          <p:cNvSpPr txBox="1">
            <a:spLocks noGrp="1"/>
          </p:cNvSpPr>
          <p:nvPr>
            <p:ph type="title"/>
          </p:nvPr>
        </p:nvSpPr>
        <p:spPr>
          <a:xfrm>
            <a:off x="628650" y="273844"/>
            <a:ext cx="7886700" cy="994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71B55"/>
              </a:buClr>
              <a:buSzPts val="3300"/>
              <a:buFont typeface="Squada One"/>
              <a:buNone/>
              <a:defRPr sz="3300" b="1" i="0" u="none" strike="noStrike" cap="none">
                <a:solidFill>
                  <a:srgbClr val="071B55"/>
                </a:solidFill>
                <a:latin typeface="Squada One"/>
                <a:ea typeface="Squada One"/>
                <a:cs typeface="Squada One"/>
                <a:sym typeface="Squada One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071B55"/>
              </a:buClr>
              <a:buSzPts val="1100"/>
              <a:buNone/>
              <a:defRPr sz="1400">
                <a:solidFill>
                  <a:srgbClr val="071B55"/>
                </a:solidFill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071B55"/>
              </a:buClr>
              <a:buSzPts val="1100"/>
              <a:buNone/>
              <a:defRPr sz="1400">
                <a:solidFill>
                  <a:srgbClr val="071B55"/>
                </a:solidFill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071B55"/>
              </a:buClr>
              <a:buSzPts val="1100"/>
              <a:buNone/>
              <a:defRPr sz="1400">
                <a:solidFill>
                  <a:srgbClr val="071B55"/>
                </a:solidFill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071B55"/>
              </a:buClr>
              <a:buSzPts val="1100"/>
              <a:buNone/>
              <a:defRPr sz="1400">
                <a:solidFill>
                  <a:srgbClr val="071B55"/>
                </a:solidFill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071B55"/>
              </a:buClr>
              <a:buSzPts val="1100"/>
              <a:buNone/>
              <a:defRPr sz="1400">
                <a:solidFill>
                  <a:srgbClr val="071B55"/>
                </a:solidFill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071B55"/>
              </a:buClr>
              <a:buSzPts val="1100"/>
              <a:buNone/>
              <a:defRPr sz="1400">
                <a:solidFill>
                  <a:srgbClr val="071B55"/>
                </a:solidFill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071B55"/>
              </a:buClr>
              <a:buSzPts val="1100"/>
              <a:buNone/>
              <a:defRPr sz="1400">
                <a:solidFill>
                  <a:srgbClr val="071B55"/>
                </a:solidFill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071B55"/>
              </a:buClr>
              <a:buSzPts val="1100"/>
              <a:buNone/>
              <a:defRPr sz="1400">
                <a:solidFill>
                  <a:srgbClr val="071B55"/>
                </a:solidFill>
              </a:defRPr>
            </a:lvl9pPr>
          </a:lstStyle>
          <a:p>
            <a:endParaRPr/>
          </a:p>
        </p:txBody>
      </p:sp>
      <p:sp>
        <p:nvSpPr>
          <p:cNvPr id="11" name="Google Shape;11;p1"/>
          <p:cNvSpPr txBox="1">
            <a:spLocks noGrp="1"/>
          </p:cNvSpPr>
          <p:nvPr>
            <p:ph type="body" idx="1"/>
          </p:nvPr>
        </p:nvSpPr>
        <p:spPr>
          <a:xfrm>
            <a:off x="628650" y="1369219"/>
            <a:ext cx="7886700" cy="3263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>
            <a:lvl1pPr marL="457200" marR="0" lvl="0" indent="-285750" algn="l" rtl="0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rgbClr val="071B55"/>
              </a:buClr>
              <a:buSzPts val="900"/>
              <a:buFont typeface="Roboto Slab Light"/>
              <a:buChar char="•"/>
              <a:defRPr sz="900" i="0" u="none" strike="noStrike" cap="none">
                <a:solidFill>
                  <a:srgbClr val="071B55"/>
                </a:solidFill>
                <a:latin typeface="Roboto Slab Light"/>
                <a:ea typeface="Roboto Slab Light"/>
                <a:cs typeface="Roboto Slab Light"/>
                <a:sym typeface="Roboto Slab Light"/>
              </a:defRPr>
            </a:lvl1pPr>
            <a:lvl2pPr marL="914400" marR="0" lvl="1" indent="-285750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071B55"/>
              </a:buClr>
              <a:buSzPts val="900"/>
              <a:buFont typeface="Roboto Slab Light"/>
              <a:buChar char="•"/>
              <a:defRPr sz="900" i="0" u="none" strike="noStrike" cap="none">
                <a:solidFill>
                  <a:srgbClr val="071B55"/>
                </a:solidFill>
                <a:latin typeface="Roboto Slab Light"/>
                <a:ea typeface="Roboto Slab Light"/>
                <a:cs typeface="Roboto Slab Light"/>
                <a:sym typeface="Roboto Slab Light"/>
              </a:defRPr>
            </a:lvl2pPr>
            <a:lvl3pPr marL="1371600" marR="0" lvl="2" indent="-285750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071B55"/>
              </a:buClr>
              <a:buSzPts val="900"/>
              <a:buFont typeface="Roboto Slab Light"/>
              <a:buChar char="•"/>
              <a:defRPr sz="900" i="0" u="none" strike="noStrike" cap="none">
                <a:solidFill>
                  <a:srgbClr val="071B55"/>
                </a:solidFill>
                <a:latin typeface="Roboto Slab Light"/>
                <a:ea typeface="Roboto Slab Light"/>
                <a:cs typeface="Roboto Slab Light"/>
                <a:sym typeface="Roboto Slab Light"/>
              </a:defRPr>
            </a:lvl3pPr>
            <a:lvl4pPr marL="1828800" marR="0" lvl="3" indent="-285750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071B55"/>
              </a:buClr>
              <a:buSzPts val="900"/>
              <a:buFont typeface="Roboto Slab Light"/>
              <a:buChar char="•"/>
              <a:defRPr sz="900" i="0" u="none" strike="noStrike" cap="none">
                <a:solidFill>
                  <a:srgbClr val="071B55"/>
                </a:solidFill>
                <a:latin typeface="Roboto Slab Light"/>
                <a:ea typeface="Roboto Slab Light"/>
                <a:cs typeface="Roboto Slab Light"/>
                <a:sym typeface="Roboto Slab Light"/>
              </a:defRPr>
            </a:lvl4pPr>
            <a:lvl5pPr marL="2286000" marR="0" lvl="4" indent="-285750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071B55"/>
              </a:buClr>
              <a:buSzPts val="900"/>
              <a:buFont typeface="Roboto Slab Light"/>
              <a:buChar char="•"/>
              <a:defRPr sz="900" i="0" u="none" strike="noStrike" cap="none">
                <a:solidFill>
                  <a:srgbClr val="071B55"/>
                </a:solidFill>
                <a:latin typeface="Roboto Slab Light"/>
                <a:ea typeface="Roboto Slab Light"/>
                <a:cs typeface="Roboto Slab Light"/>
                <a:sym typeface="Roboto Slab Light"/>
              </a:defRPr>
            </a:lvl5pPr>
            <a:lvl6pPr marL="2743200" marR="0" lvl="5" indent="-285750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071B55"/>
              </a:buClr>
              <a:buSzPts val="900"/>
              <a:buFont typeface="Roboto Slab Light"/>
              <a:buChar char="•"/>
              <a:defRPr sz="900" i="0" u="none" strike="noStrike" cap="none">
                <a:solidFill>
                  <a:srgbClr val="071B55"/>
                </a:solidFill>
                <a:latin typeface="Roboto Slab Light"/>
                <a:ea typeface="Roboto Slab Light"/>
                <a:cs typeface="Roboto Slab Light"/>
                <a:sym typeface="Roboto Slab Light"/>
              </a:defRPr>
            </a:lvl6pPr>
            <a:lvl7pPr marL="3200400" marR="0" lvl="6" indent="-285750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071B55"/>
              </a:buClr>
              <a:buSzPts val="900"/>
              <a:buFont typeface="Roboto Slab Light"/>
              <a:buChar char="•"/>
              <a:defRPr sz="900" i="0" u="none" strike="noStrike" cap="none">
                <a:solidFill>
                  <a:srgbClr val="071B55"/>
                </a:solidFill>
                <a:latin typeface="Roboto Slab Light"/>
                <a:ea typeface="Roboto Slab Light"/>
                <a:cs typeface="Roboto Slab Light"/>
                <a:sym typeface="Roboto Slab Light"/>
              </a:defRPr>
            </a:lvl7pPr>
            <a:lvl8pPr marL="3657600" marR="0" lvl="7" indent="-285750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071B55"/>
              </a:buClr>
              <a:buSzPts val="900"/>
              <a:buFont typeface="Roboto Slab Light"/>
              <a:buChar char="•"/>
              <a:defRPr sz="900" i="0" u="none" strike="noStrike" cap="none">
                <a:solidFill>
                  <a:srgbClr val="071B55"/>
                </a:solidFill>
                <a:latin typeface="Roboto Slab Light"/>
                <a:ea typeface="Roboto Slab Light"/>
                <a:cs typeface="Roboto Slab Light"/>
                <a:sym typeface="Roboto Slab Light"/>
              </a:defRPr>
            </a:lvl8pPr>
            <a:lvl9pPr marL="4114800" marR="0" lvl="8" indent="-285750" algn="l" rtl="0">
              <a:lnSpc>
                <a:spcPct val="90000"/>
              </a:lnSpc>
              <a:spcBef>
                <a:spcPts val="400"/>
              </a:spcBef>
              <a:spcAft>
                <a:spcPts val="0"/>
              </a:spcAft>
              <a:buClr>
                <a:srgbClr val="071B55"/>
              </a:buClr>
              <a:buSzPts val="900"/>
              <a:buFont typeface="Roboto Slab Light"/>
              <a:buChar char="•"/>
              <a:defRPr sz="900" i="0" u="none" strike="noStrike" cap="none">
                <a:solidFill>
                  <a:srgbClr val="071B55"/>
                </a:solidFill>
                <a:latin typeface="Roboto Slab Light"/>
                <a:ea typeface="Roboto Slab Light"/>
                <a:cs typeface="Roboto Slab Light"/>
                <a:sym typeface="Roboto Slab Light"/>
              </a:defRPr>
            </a:lvl9pPr>
          </a:lstStyle>
          <a:p>
            <a:endParaRPr/>
          </a:p>
        </p:txBody>
      </p:sp>
      <p:sp>
        <p:nvSpPr>
          <p:cNvPr id="12" name="Google Shape;12;p1"/>
          <p:cNvSpPr txBox="1">
            <a:spLocks noGrp="1"/>
          </p:cNvSpPr>
          <p:nvPr>
            <p:ph type="dt" idx="10"/>
          </p:nvPr>
        </p:nvSpPr>
        <p:spPr>
          <a:xfrm>
            <a:off x="628650" y="4767263"/>
            <a:ext cx="2057400" cy="273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900" b="0" i="0" u="none" strike="noStrike" cap="none">
                <a:solidFill>
                  <a:srgbClr val="88888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3" name="Google Shape;13;p1"/>
          <p:cNvSpPr txBox="1">
            <a:spLocks noGrp="1"/>
          </p:cNvSpPr>
          <p:nvPr>
            <p:ph type="ftr" idx="11"/>
          </p:nvPr>
        </p:nvSpPr>
        <p:spPr>
          <a:xfrm>
            <a:off x="3028950" y="4767263"/>
            <a:ext cx="3086100" cy="273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100"/>
              <a:buNone/>
              <a:defRPr sz="900" b="0" i="0" u="none" strike="noStrike" cap="none">
                <a:solidFill>
                  <a:srgbClr val="88888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4" name="Google Shape;14;p1"/>
          <p:cNvSpPr txBox="1">
            <a:spLocks noGrp="1"/>
          </p:cNvSpPr>
          <p:nvPr>
            <p:ph type="sldNum" idx="12"/>
          </p:nvPr>
        </p:nvSpPr>
        <p:spPr>
          <a:xfrm>
            <a:off x="6457950" y="4767263"/>
            <a:ext cx="2057400" cy="273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900" b="0" i="0" u="none" strike="noStrike" cap="none">
                <a:solidFill>
                  <a:srgbClr val="88888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900" b="0" i="0" u="none" strike="noStrike" cap="none">
                <a:solidFill>
                  <a:srgbClr val="88888C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900" b="0" i="0" u="none" strike="noStrike" cap="none">
                <a:solidFill>
                  <a:srgbClr val="88888C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900" b="0" i="0" u="none" strike="noStrike" cap="none">
                <a:solidFill>
                  <a:srgbClr val="88888C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900" b="0" i="0" u="none" strike="noStrike" cap="none">
                <a:solidFill>
                  <a:srgbClr val="88888C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900" b="0" i="0" u="none" strike="noStrike" cap="none">
                <a:solidFill>
                  <a:srgbClr val="88888C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900" b="0" i="0" u="none" strike="noStrike" cap="none">
                <a:solidFill>
                  <a:srgbClr val="88888C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900" b="0" i="0" u="none" strike="noStrike" cap="none">
                <a:solidFill>
                  <a:srgbClr val="88888C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900" b="0" i="0" u="none" strike="noStrike" cap="none">
                <a:solidFill>
                  <a:srgbClr val="88888C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ES"/>
              <a:t>‹#›</a:t>
            </a:fld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52" r:id="rId2"/>
    <p:sldLayoutId id="2147483654" r:id="rId3"/>
    <p:sldLayoutId id="2147483656" r:id="rId4"/>
    <p:sldLayoutId id="2147483657" r:id="rId5"/>
    <p:sldLayoutId id="2147483658" r:id="rId6"/>
    <p:sldLayoutId id="2147483659" r:id="rId7"/>
    <p:sldLayoutId id="2147483662" r:id="rId8"/>
    <p:sldLayoutId id="2147483664" r:id="rId9"/>
    <p:sldLayoutId id="2147483665" r:id="rId10"/>
    <p:sldLayoutId id="2147483666" r:id="rId11"/>
    <p:sldLayoutId id="2147483677" r:id="rId12"/>
  </p:sldLayoutIdLst>
  <p:hf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8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10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1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5.xml.rels><?xml version="1.0" encoding="UTF-8" standalone="yes"?>
<Relationships xmlns="http://schemas.openxmlformats.org/package/2006/relationships"><Relationship Id="rId26" Type="http://schemas.openxmlformats.org/officeDocument/2006/relationships/tags" Target="../tags/tag103.xml"/><Relationship Id="rId21" Type="http://schemas.openxmlformats.org/officeDocument/2006/relationships/tags" Target="../tags/tag98.xml"/><Relationship Id="rId42" Type="http://schemas.openxmlformats.org/officeDocument/2006/relationships/tags" Target="../tags/tag119.xml"/><Relationship Id="rId47" Type="http://schemas.openxmlformats.org/officeDocument/2006/relationships/tags" Target="../tags/tag124.xml"/><Relationship Id="rId63" Type="http://schemas.openxmlformats.org/officeDocument/2006/relationships/tags" Target="../tags/tag140.xml"/><Relationship Id="rId68" Type="http://schemas.openxmlformats.org/officeDocument/2006/relationships/tags" Target="../tags/tag145.xml"/><Relationship Id="rId7" Type="http://schemas.openxmlformats.org/officeDocument/2006/relationships/tags" Target="../tags/tag84.xml"/><Relationship Id="rId2" Type="http://schemas.openxmlformats.org/officeDocument/2006/relationships/tags" Target="../tags/tag79.xml"/><Relationship Id="rId16" Type="http://schemas.openxmlformats.org/officeDocument/2006/relationships/tags" Target="../tags/tag93.xml"/><Relationship Id="rId29" Type="http://schemas.openxmlformats.org/officeDocument/2006/relationships/tags" Target="../tags/tag106.xml"/><Relationship Id="rId11" Type="http://schemas.openxmlformats.org/officeDocument/2006/relationships/tags" Target="../tags/tag88.xml"/><Relationship Id="rId24" Type="http://schemas.openxmlformats.org/officeDocument/2006/relationships/tags" Target="../tags/tag101.xml"/><Relationship Id="rId32" Type="http://schemas.openxmlformats.org/officeDocument/2006/relationships/tags" Target="../tags/tag109.xml"/><Relationship Id="rId37" Type="http://schemas.openxmlformats.org/officeDocument/2006/relationships/tags" Target="../tags/tag114.xml"/><Relationship Id="rId40" Type="http://schemas.openxmlformats.org/officeDocument/2006/relationships/tags" Target="../tags/tag117.xml"/><Relationship Id="rId45" Type="http://schemas.openxmlformats.org/officeDocument/2006/relationships/tags" Target="../tags/tag122.xml"/><Relationship Id="rId53" Type="http://schemas.openxmlformats.org/officeDocument/2006/relationships/tags" Target="../tags/tag130.xml"/><Relationship Id="rId58" Type="http://schemas.openxmlformats.org/officeDocument/2006/relationships/tags" Target="../tags/tag135.xml"/><Relationship Id="rId66" Type="http://schemas.openxmlformats.org/officeDocument/2006/relationships/tags" Target="../tags/tag143.xml"/><Relationship Id="rId5" Type="http://schemas.openxmlformats.org/officeDocument/2006/relationships/tags" Target="../tags/tag82.xml"/><Relationship Id="rId61" Type="http://schemas.openxmlformats.org/officeDocument/2006/relationships/tags" Target="../tags/tag138.xml"/><Relationship Id="rId19" Type="http://schemas.openxmlformats.org/officeDocument/2006/relationships/tags" Target="../tags/tag96.xml"/><Relationship Id="rId14" Type="http://schemas.openxmlformats.org/officeDocument/2006/relationships/tags" Target="../tags/tag91.xml"/><Relationship Id="rId22" Type="http://schemas.openxmlformats.org/officeDocument/2006/relationships/tags" Target="../tags/tag99.xml"/><Relationship Id="rId27" Type="http://schemas.openxmlformats.org/officeDocument/2006/relationships/tags" Target="../tags/tag104.xml"/><Relationship Id="rId30" Type="http://schemas.openxmlformats.org/officeDocument/2006/relationships/tags" Target="../tags/tag107.xml"/><Relationship Id="rId35" Type="http://schemas.openxmlformats.org/officeDocument/2006/relationships/tags" Target="../tags/tag112.xml"/><Relationship Id="rId43" Type="http://schemas.openxmlformats.org/officeDocument/2006/relationships/tags" Target="../tags/tag120.xml"/><Relationship Id="rId48" Type="http://schemas.openxmlformats.org/officeDocument/2006/relationships/tags" Target="../tags/tag125.xml"/><Relationship Id="rId56" Type="http://schemas.openxmlformats.org/officeDocument/2006/relationships/tags" Target="../tags/tag133.xml"/><Relationship Id="rId64" Type="http://schemas.openxmlformats.org/officeDocument/2006/relationships/tags" Target="../tags/tag141.xml"/><Relationship Id="rId69" Type="http://schemas.openxmlformats.org/officeDocument/2006/relationships/slideLayout" Target="../slideLayouts/slideLayout12.xml"/><Relationship Id="rId8" Type="http://schemas.openxmlformats.org/officeDocument/2006/relationships/tags" Target="../tags/tag85.xml"/><Relationship Id="rId51" Type="http://schemas.openxmlformats.org/officeDocument/2006/relationships/tags" Target="../tags/tag128.xml"/><Relationship Id="rId3" Type="http://schemas.openxmlformats.org/officeDocument/2006/relationships/tags" Target="../tags/tag80.xml"/><Relationship Id="rId12" Type="http://schemas.openxmlformats.org/officeDocument/2006/relationships/tags" Target="../tags/tag89.xml"/><Relationship Id="rId17" Type="http://schemas.openxmlformats.org/officeDocument/2006/relationships/tags" Target="../tags/tag94.xml"/><Relationship Id="rId25" Type="http://schemas.openxmlformats.org/officeDocument/2006/relationships/tags" Target="../tags/tag102.xml"/><Relationship Id="rId33" Type="http://schemas.openxmlformats.org/officeDocument/2006/relationships/tags" Target="../tags/tag110.xml"/><Relationship Id="rId38" Type="http://schemas.openxmlformats.org/officeDocument/2006/relationships/tags" Target="../tags/tag115.xml"/><Relationship Id="rId46" Type="http://schemas.openxmlformats.org/officeDocument/2006/relationships/tags" Target="../tags/tag123.xml"/><Relationship Id="rId59" Type="http://schemas.openxmlformats.org/officeDocument/2006/relationships/tags" Target="../tags/tag136.xml"/><Relationship Id="rId67" Type="http://schemas.openxmlformats.org/officeDocument/2006/relationships/tags" Target="../tags/tag144.xml"/><Relationship Id="rId20" Type="http://schemas.openxmlformats.org/officeDocument/2006/relationships/tags" Target="../tags/tag97.xml"/><Relationship Id="rId41" Type="http://schemas.openxmlformats.org/officeDocument/2006/relationships/tags" Target="../tags/tag118.xml"/><Relationship Id="rId54" Type="http://schemas.openxmlformats.org/officeDocument/2006/relationships/tags" Target="../tags/tag131.xml"/><Relationship Id="rId62" Type="http://schemas.openxmlformats.org/officeDocument/2006/relationships/tags" Target="../tags/tag139.xml"/><Relationship Id="rId1" Type="http://schemas.openxmlformats.org/officeDocument/2006/relationships/tags" Target="../tags/tag78.xml"/><Relationship Id="rId6" Type="http://schemas.openxmlformats.org/officeDocument/2006/relationships/tags" Target="../tags/tag83.xml"/><Relationship Id="rId15" Type="http://schemas.openxmlformats.org/officeDocument/2006/relationships/tags" Target="../tags/tag92.xml"/><Relationship Id="rId23" Type="http://schemas.openxmlformats.org/officeDocument/2006/relationships/tags" Target="../tags/tag100.xml"/><Relationship Id="rId28" Type="http://schemas.openxmlformats.org/officeDocument/2006/relationships/tags" Target="../tags/tag105.xml"/><Relationship Id="rId36" Type="http://schemas.openxmlformats.org/officeDocument/2006/relationships/tags" Target="../tags/tag113.xml"/><Relationship Id="rId49" Type="http://schemas.openxmlformats.org/officeDocument/2006/relationships/tags" Target="../tags/tag126.xml"/><Relationship Id="rId57" Type="http://schemas.openxmlformats.org/officeDocument/2006/relationships/tags" Target="../tags/tag134.xml"/><Relationship Id="rId10" Type="http://schemas.openxmlformats.org/officeDocument/2006/relationships/tags" Target="../tags/tag87.xml"/><Relationship Id="rId31" Type="http://schemas.openxmlformats.org/officeDocument/2006/relationships/tags" Target="../tags/tag108.xml"/><Relationship Id="rId44" Type="http://schemas.openxmlformats.org/officeDocument/2006/relationships/tags" Target="../tags/tag121.xml"/><Relationship Id="rId52" Type="http://schemas.openxmlformats.org/officeDocument/2006/relationships/tags" Target="../tags/tag129.xml"/><Relationship Id="rId60" Type="http://schemas.openxmlformats.org/officeDocument/2006/relationships/tags" Target="../tags/tag137.xml"/><Relationship Id="rId65" Type="http://schemas.openxmlformats.org/officeDocument/2006/relationships/tags" Target="../tags/tag142.xml"/><Relationship Id="rId4" Type="http://schemas.openxmlformats.org/officeDocument/2006/relationships/tags" Target="../tags/tag81.xml"/><Relationship Id="rId9" Type="http://schemas.openxmlformats.org/officeDocument/2006/relationships/tags" Target="../tags/tag86.xml"/><Relationship Id="rId13" Type="http://schemas.openxmlformats.org/officeDocument/2006/relationships/tags" Target="../tags/tag90.xml"/><Relationship Id="rId18" Type="http://schemas.openxmlformats.org/officeDocument/2006/relationships/tags" Target="../tags/tag95.xml"/><Relationship Id="rId39" Type="http://schemas.openxmlformats.org/officeDocument/2006/relationships/tags" Target="../tags/tag116.xml"/><Relationship Id="rId34" Type="http://schemas.openxmlformats.org/officeDocument/2006/relationships/tags" Target="../tags/tag111.xml"/><Relationship Id="rId50" Type="http://schemas.openxmlformats.org/officeDocument/2006/relationships/tags" Target="../tags/tag127.xml"/><Relationship Id="rId55" Type="http://schemas.openxmlformats.org/officeDocument/2006/relationships/tags" Target="../tags/tag13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34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4800"/>
              <a:t>Team members:</a:t>
            </a:r>
          </a:p>
        </p:txBody>
      </p:sp>
      <p:sp>
        <p:nvSpPr>
          <p:cNvPr id="344" name="Google Shape;344;p33"/>
          <p:cNvSpPr txBox="1">
            <a:spLocks noGrp="1"/>
          </p:cNvSpPr>
          <p:nvPr>
            <p:ph type="subTitle" idx="1"/>
          </p:nvPr>
        </p:nvSpPr>
        <p:spPr>
          <a:xfrm>
            <a:off x="4552891" y="900546"/>
            <a:ext cx="4272454" cy="3269672"/>
          </a:xfrm>
          <a:prstGeom prst="rect">
            <a:avLst/>
          </a:prstGeom>
        </p:spPr>
        <p:txBody>
          <a:bodyPr spcFirstLastPara="1" wrap="square" lIns="68575" tIns="34275" rIns="68575" bIns="34275" anchor="t" anchorCtr="0">
            <a:noAutofit/>
          </a:bodyPr>
          <a:lstStyle/>
          <a:p>
            <a:pPr lvl="0"/>
            <a:r>
              <a:rPr lang="en-US" sz="3200" err="1">
                <a:latin typeface="Squada One" panose="020B0604020202020204" charset="0"/>
              </a:rPr>
              <a:t>Nafis</a:t>
            </a:r>
            <a:r>
              <a:rPr lang="en-US" sz="3200">
                <a:latin typeface="Squada One" panose="020B0604020202020204" charset="0"/>
              </a:rPr>
              <a:t> </a:t>
            </a:r>
            <a:r>
              <a:rPr lang="en-US" sz="3200" err="1">
                <a:latin typeface="Squada One" panose="020B0604020202020204" charset="0"/>
              </a:rPr>
              <a:t>Faiyaz</a:t>
            </a:r>
            <a:endParaRPr lang="en-US" sz="3200">
              <a:latin typeface="Squada One" panose="020B0604020202020204" charset="0"/>
            </a:endParaRPr>
          </a:p>
          <a:p>
            <a:pPr lvl="1"/>
            <a:r>
              <a:rPr lang="en-US" sz="3200">
                <a:latin typeface="Squada One" panose="020B0604020202020204" charset="0"/>
              </a:rPr>
              <a:t>Student ID : 180041101</a:t>
            </a:r>
          </a:p>
          <a:p>
            <a:pPr lvl="0"/>
            <a:r>
              <a:rPr lang="en-US" sz="3200">
                <a:latin typeface="Squada One" panose="020B0604020202020204" charset="0"/>
              </a:rPr>
              <a:t>Farhan </a:t>
            </a:r>
            <a:r>
              <a:rPr lang="en-US" sz="3200" err="1">
                <a:latin typeface="Squada One" panose="020B0604020202020204" charset="0"/>
              </a:rPr>
              <a:t>Ishmam</a:t>
            </a:r>
            <a:endParaRPr lang="en-US" sz="3200">
              <a:latin typeface="Squada One" panose="020B0604020202020204" charset="0"/>
            </a:endParaRPr>
          </a:p>
          <a:p>
            <a:pPr lvl="1"/>
            <a:r>
              <a:rPr lang="en-US" sz="3200">
                <a:latin typeface="Squada One" panose="020B0604020202020204" charset="0"/>
              </a:rPr>
              <a:t>Student ID : 180041120</a:t>
            </a:r>
          </a:p>
          <a:p>
            <a:pPr lvl="0"/>
            <a:r>
              <a:rPr lang="en-US" sz="3200" err="1">
                <a:latin typeface="Squada One" panose="020B0604020202020204" charset="0"/>
              </a:rPr>
              <a:t>Sidratul</a:t>
            </a:r>
            <a:r>
              <a:rPr lang="en-US" sz="3200">
                <a:latin typeface="Squada One" panose="020B0604020202020204" charset="0"/>
              </a:rPr>
              <a:t> </a:t>
            </a:r>
            <a:r>
              <a:rPr lang="en-US" sz="3200" err="1">
                <a:latin typeface="Squada One" panose="020B0604020202020204" charset="0"/>
              </a:rPr>
              <a:t>Muntaha</a:t>
            </a:r>
            <a:endParaRPr lang="en-US" sz="3200">
              <a:latin typeface="Squada One" panose="020B0604020202020204" charset="0"/>
            </a:endParaRPr>
          </a:p>
          <a:p>
            <a:pPr lvl="1"/>
            <a:r>
              <a:rPr lang="en-US" sz="3200">
                <a:latin typeface="Squada One" panose="020B0604020202020204" charset="0"/>
              </a:rPr>
              <a:t>Student ID : 180041118</a:t>
            </a:r>
          </a:p>
          <a:p>
            <a:pPr marL="0" lvl="0" indent="0" algn="l" rtl="0">
              <a:spcBef>
                <a:spcPts val="800"/>
              </a:spcBef>
              <a:spcAft>
                <a:spcPts val="0"/>
              </a:spcAft>
            </a:pPr>
            <a:endParaRPr sz="2400" b="0"/>
          </a:p>
        </p:txBody>
      </p:sp>
      <p:sp>
        <p:nvSpPr>
          <p:cNvPr id="345" name="Google Shape;345;p33"/>
          <p:cNvSpPr txBox="1">
            <a:spLocks noGrp="1"/>
          </p:cNvSpPr>
          <p:nvPr>
            <p:ph type="subTitle" idx="4294967295"/>
          </p:nvPr>
        </p:nvSpPr>
        <p:spPr>
          <a:xfrm>
            <a:off x="0" y="2847975"/>
            <a:ext cx="4111625" cy="233363"/>
          </a:xfrm>
          <a:prstGeom prst="rect">
            <a:avLst/>
          </a:prstGeom>
        </p:spPr>
        <p:txBody>
          <a:bodyPr spcFirstLastPara="1" wrap="square" lIns="68575" tIns="34275" rIns="68575" bIns="34275" anchor="b" anchorCtr="0">
            <a:noAutofit/>
          </a:bodyPr>
          <a:lstStyle/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s-ES" sz="1100"/>
              <a:t>“</a:t>
            </a: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BDF7F7A-1140-4519-ADC8-93E7DC62EA4B}"/>
              </a:ext>
            </a:extLst>
          </p:cNvPr>
          <p:cNvSpPr txBox="1"/>
          <p:nvPr/>
        </p:nvSpPr>
        <p:spPr>
          <a:xfrm>
            <a:off x="8734927" y="4764505"/>
            <a:ext cx="269206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>
                <a:solidFill>
                  <a:schemeClr val="bg1"/>
                </a:solidFill>
              </a:rPr>
              <a:t>1</a:t>
            </a:r>
          </a:p>
        </p:txBody>
      </p:sp>
    </p:spTree>
  </p:cSld>
  <p:clrMapOvr>
    <a:masterClrMapping/>
  </p:clrMapOvr>
  <p:transition spd="slow">
    <p:push dir="u"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ctrTitle"/>
          </p:nvPr>
        </p:nvSpPr>
        <p:spPr>
          <a:xfrm>
            <a:off x="4933246" y="40604"/>
            <a:ext cx="2966700" cy="1241700"/>
          </a:xfrm>
        </p:spPr>
        <p:txBody>
          <a:bodyPr/>
          <a:lstStyle/>
          <a:p>
            <a:pPr algn="l"/>
            <a:r>
              <a:rPr lang="en-US" sz="6000"/>
              <a:t>Features</a:t>
            </a:r>
          </a:p>
        </p:txBody>
      </p:sp>
      <p:sp>
        <p:nvSpPr>
          <p:cNvPr id="4" name="Subtitle 3"/>
          <p:cNvSpPr>
            <a:spLocks noGrp="1"/>
          </p:cNvSpPr>
          <p:nvPr>
            <p:ph type="subTitle" idx="1"/>
          </p:nvPr>
        </p:nvSpPr>
        <p:spPr>
          <a:xfrm>
            <a:off x="4769001" y="1407319"/>
            <a:ext cx="2989112" cy="2992041"/>
          </a:xfrm>
        </p:spPr>
        <p:txBody>
          <a:bodyPr/>
          <a:lstStyle/>
          <a:p>
            <a:pPr algn="l">
              <a:buFont typeface="Wingdings" panose="05000000000000000000" pitchFamily="2" charset="2"/>
              <a:buChar char="q"/>
            </a:pPr>
            <a:r>
              <a:rPr lang="en-US" sz="2800" dirty="0">
                <a:latin typeface="Squada One"/>
              </a:rPr>
              <a:t>Accurate price estimation based on size.</a:t>
            </a:r>
          </a:p>
          <a:p>
            <a:pPr algn="l">
              <a:buFont typeface="Wingdings" panose="05000000000000000000" pitchFamily="2" charset="2"/>
              <a:buChar char="q"/>
            </a:pPr>
            <a:r>
              <a:rPr lang="en-US" sz="2800" dirty="0">
                <a:latin typeface="Squada One"/>
              </a:rPr>
              <a:t>Visual data representation though graphs along with a user interface</a:t>
            </a:r>
            <a:endParaRPr lang="en-US" sz="2800" dirty="0">
              <a:latin typeface="Squada One" panose="020B0604020202020204" charset="0"/>
            </a:endParaRPr>
          </a:p>
          <a:p>
            <a:pPr algn="l">
              <a:buFont typeface="Wingdings" panose="05000000000000000000" pitchFamily="2" charset="2"/>
              <a:buChar char="q"/>
            </a:pPr>
            <a:endParaRPr lang="en-US" sz="2800">
              <a:latin typeface="Squada One" panose="020B0604020202020204" charset="0"/>
            </a:endParaRPr>
          </a:p>
        </p:txBody>
      </p:sp>
      <p:pic>
        <p:nvPicPr>
          <p:cNvPr id="7" name="Picture Placeholder 6"/>
          <p:cNvPicPr>
            <a:picLocks noGrp="1" noChangeAspect="1"/>
          </p:cNvPicPr>
          <p:nvPr>
            <p:ph type="pic" idx="2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32" t="-81" r="34670" b="34656"/>
          <a:stretch/>
        </p:blipFill>
        <p:spPr>
          <a:xfrm>
            <a:off x="1" y="1"/>
            <a:ext cx="4243388" cy="2564606"/>
          </a:xfr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675021"/>
            <a:ext cx="4243389" cy="3468479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BAB40E21-2E81-4BDF-9E32-13DF03A20F24}"/>
              </a:ext>
            </a:extLst>
          </p:cNvPr>
          <p:cNvSpPr txBox="1"/>
          <p:nvPr/>
        </p:nvSpPr>
        <p:spPr>
          <a:xfrm>
            <a:off x="8546934" y="4651708"/>
            <a:ext cx="427120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>
                <a:solidFill>
                  <a:schemeClr val="bg1"/>
                </a:solidFill>
              </a:rPr>
              <a:t>10</a:t>
            </a:r>
          </a:p>
        </p:txBody>
      </p:sp>
    </p:spTree>
    <p:extLst>
      <p:ext uri="{BB962C8B-B14F-4D97-AF65-F5344CB8AC3E}">
        <p14:creationId xmlns:p14="http://schemas.microsoft.com/office/powerpoint/2010/main" val="1997159154"/>
      </p:ext>
    </p:extLst>
  </p:cSld>
  <p:clrMapOvr>
    <a:masterClrMapping/>
  </p:clrMapOvr>
  <p:transition spd="slow">
    <p:push dir="u"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btitle 7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pPr algn="ctr"/>
            <a:r>
              <a:rPr lang="en-US" sz="8000">
                <a:solidFill>
                  <a:schemeClr val="bg1"/>
                </a:solidFill>
              </a:rPr>
              <a:t>TIMELINE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4DCC865-8F57-4F93-99D9-977A591F8F71}"/>
              </a:ext>
            </a:extLst>
          </p:cNvPr>
          <p:cNvSpPr txBox="1"/>
          <p:nvPr/>
        </p:nvSpPr>
        <p:spPr>
          <a:xfrm>
            <a:off x="8546934" y="4651708"/>
            <a:ext cx="427120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>
                <a:solidFill>
                  <a:schemeClr val="bg1"/>
                </a:solidFill>
              </a:rPr>
              <a:t>11</a:t>
            </a:r>
          </a:p>
        </p:txBody>
      </p:sp>
    </p:spTree>
    <p:extLst>
      <p:ext uri="{BB962C8B-B14F-4D97-AF65-F5344CB8AC3E}">
        <p14:creationId xmlns:p14="http://schemas.microsoft.com/office/powerpoint/2010/main" val="2118129864"/>
      </p:ext>
    </p:extLst>
  </p:cSld>
  <p:clrMapOvr>
    <a:masterClrMapping/>
  </p:clrMapOvr>
  <p:transition spd="slow">
    <p:push dir="u"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ubtitle 6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sz="4000"/>
              <a:t>What we planned to do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F5BCDCF-1DE3-450B-9FA4-039D1A094F70}"/>
              </a:ext>
            </a:extLst>
          </p:cNvPr>
          <p:cNvSpPr txBox="1"/>
          <p:nvPr/>
        </p:nvSpPr>
        <p:spPr>
          <a:xfrm>
            <a:off x="8546934" y="4651708"/>
            <a:ext cx="427120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>
                <a:solidFill>
                  <a:schemeClr val="bg1"/>
                </a:solidFill>
              </a:rPr>
              <a:t>12</a:t>
            </a:r>
          </a:p>
        </p:txBody>
      </p:sp>
    </p:spTree>
    <p:extLst>
      <p:ext uri="{BB962C8B-B14F-4D97-AF65-F5344CB8AC3E}">
        <p14:creationId xmlns:p14="http://schemas.microsoft.com/office/powerpoint/2010/main" val="3440540533"/>
      </p:ext>
    </p:extLst>
  </p:cSld>
  <p:clrMapOvr>
    <a:masterClrMapping/>
  </p:clrMapOvr>
  <p:transition spd="slow">
    <p:push dir="u"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ES" smtClean="0"/>
              <a:t>13</a:t>
            </a:fld>
            <a:endParaRPr lang="es-ES"/>
          </a:p>
        </p:txBody>
      </p:sp>
      <p:sp>
        <p:nvSpPr>
          <p:cNvPr id="3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164545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8363034" y="164545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16" name="OTLSHAPE_T_25daa0dc611d483f95fb924b35dfaa27_HorizontalConnector1"/>
          <p:cNvCxnSpPr/>
          <p:nvPr>
            <p:custDataLst>
              <p:tags r:id="rId4"/>
            </p:custDataLst>
          </p:nvPr>
        </p:nvCxnSpPr>
        <p:spPr>
          <a:xfrm>
            <a:off x="1370288" y="2280285"/>
            <a:ext cx="45054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93ceb6e7dacd4e24bc498c48665c7b64_HorizontalConnector1"/>
          <p:cNvCxnSpPr/>
          <p:nvPr>
            <p:custDataLst>
              <p:tags r:id="rId5"/>
            </p:custDataLst>
          </p:nvPr>
        </p:nvCxnSpPr>
        <p:spPr>
          <a:xfrm>
            <a:off x="1610826" y="2546985"/>
            <a:ext cx="74249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e6d8f3d100ab408882a1d1c28d8c71fe_HorizontalConnector1"/>
          <p:cNvCxnSpPr/>
          <p:nvPr>
            <p:custDataLst>
              <p:tags r:id="rId6"/>
            </p:custDataLst>
          </p:nvPr>
        </p:nvCxnSpPr>
        <p:spPr>
          <a:xfrm>
            <a:off x="1762675" y="2813685"/>
            <a:ext cx="1892271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eb84c9e5454b4da2b8af70b64940167a_HorizontalConnector1"/>
          <p:cNvCxnSpPr/>
          <p:nvPr>
            <p:custDataLst>
              <p:tags r:id="rId7"/>
            </p:custDataLst>
          </p:nvPr>
        </p:nvCxnSpPr>
        <p:spPr>
          <a:xfrm>
            <a:off x="630005" y="3080385"/>
            <a:ext cx="397157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d1f435952b0d437fb628330a98e7416f_HorizontalConnector1"/>
          <p:cNvCxnSpPr/>
          <p:nvPr>
            <p:custDataLst>
              <p:tags r:id="rId8"/>
            </p:custDataLst>
          </p:nvPr>
        </p:nvCxnSpPr>
        <p:spPr>
          <a:xfrm>
            <a:off x="2271099" y="3347085"/>
            <a:ext cx="280380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0415fa6d1ab741c4a6da2f272058bc5c_HorizontalConnector1"/>
          <p:cNvCxnSpPr/>
          <p:nvPr>
            <p:custDataLst>
              <p:tags r:id="rId9"/>
            </p:custDataLst>
          </p:nvPr>
        </p:nvCxnSpPr>
        <p:spPr>
          <a:xfrm>
            <a:off x="2386542" y="3613785"/>
            <a:ext cx="322084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36202c685fa645b39aaa055e2f4cb126_HorizontalConnector1"/>
          <p:cNvCxnSpPr/>
          <p:nvPr>
            <p:custDataLst>
              <p:tags r:id="rId10"/>
            </p:custDataLst>
          </p:nvPr>
        </p:nvCxnSpPr>
        <p:spPr>
          <a:xfrm>
            <a:off x="1537758" y="3880485"/>
            <a:ext cx="483876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933365" y="1594485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"/>
          <p:cNvSpPr/>
          <p:nvPr>
            <p:custDataLst>
              <p:tags r:id="rId12"/>
            </p:custDataLst>
          </p:nvPr>
        </p:nvSpPr>
        <p:spPr>
          <a:xfrm>
            <a:off x="933365" y="1899285"/>
            <a:ext cx="6159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7030577" y="1975485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6904877" y="2102485"/>
            <a:ext cx="36452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996865" y="1691958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1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2830974" y="1691958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3" name="OTLSHAPE_TB_00000000000000000000000000000000_TimescaleInterval3"/>
          <p:cNvSpPr txBox="1"/>
          <p:nvPr>
            <p:custDataLst>
              <p:tags r:id="rId17"/>
            </p:custDataLst>
          </p:nvPr>
        </p:nvSpPr>
        <p:spPr>
          <a:xfrm>
            <a:off x="4665083" y="1691958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2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5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6440027" y="1691958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2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2767473" y="1683385"/>
            <a:ext cx="0" cy="203200"/>
          </a:xfrm>
          <a:prstGeom prst="line">
            <a:avLst/>
          </a:prstGeom>
          <a:ln w="7620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4601582" y="1683385"/>
            <a:ext cx="0" cy="203200"/>
          </a:xfrm>
          <a:prstGeom prst="line">
            <a:avLst/>
          </a:prstGeom>
          <a:ln w="7620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6376526" y="1683385"/>
            <a:ext cx="0" cy="203200"/>
          </a:xfrm>
          <a:prstGeom prst="line">
            <a:avLst/>
          </a:prstGeom>
          <a:ln w="7620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_25daa0dc611d483f95fb924b35dfaa27_Shape"/>
          <p:cNvSpPr/>
          <p:nvPr>
            <p:custDataLst>
              <p:tags r:id="rId22"/>
            </p:custDataLst>
          </p:nvPr>
        </p:nvSpPr>
        <p:spPr>
          <a:xfrm>
            <a:off x="1820837" y="2178685"/>
            <a:ext cx="5334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93ceb6e7dacd4e24bc498c48665c7b64_Shape"/>
          <p:cNvSpPr/>
          <p:nvPr>
            <p:custDataLst>
              <p:tags r:id="rId23"/>
            </p:custDataLst>
          </p:nvPr>
        </p:nvSpPr>
        <p:spPr>
          <a:xfrm>
            <a:off x="2353321" y="2445385"/>
            <a:ext cx="13081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T_e6d8f3d100ab408882a1d1c28d8c71fe_Shape"/>
          <p:cNvSpPr/>
          <p:nvPr>
            <p:custDataLst>
              <p:tags r:id="rId24"/>
            </p:custDataLst>
          </p:nvPr>
        </p:nvSpPr>
        <p:spPr>
          <a:xfrm>
            <a:off x="3654946" y="2712085"/>
            <a:ext cx="9525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eb84c9e5454b4da2b8af70b64940167a_Shape"/>
          <p:cNvSpPr/>
          <p:nvPr>
            <p:custDataLst>
              <p:tags r:id="rId25"/>
            </p:custDataLst>
          </p:nvPr>
        </p:nvSpPr>
        <p:spPr>
          <a:xfrm>
            <a:off x="4601583" y="2978785"/>
            <a:ext cx="4826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d1f435952b0d437fb628330a98e7416f_Shape"/>
          <p:cNvSpPr/>
          <p:nvPr>
            <p:custDataLst>
              <p:tags r:id="rId26"/>
            </p:custDataLst>
          </p:nvPr>
        </p:nvSpPr>
        <p:spPr>
          <a:xfrm>
            <a:off x="5074901" y="3245485"/>
            <a:ext cx="5334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0415fa6d1ab741c4a6da2f272058bc5c_Shape"/>
          <p:cNvSpPr/>
          <p:nvPr>
            <p:custDataLst>
              <p:tags r:id="rId27"/>
            </p:custDataLst>
          </p:nvPr>
        </p:nvSpPr>
        <p:spPr>
          <a:xfrm>
            <a:off x="5607384" y="3512185"/>
            <a:ext cx="7747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T_36202c685fa645b39aaa055e2f4cb126_Shape"/>
          <p:cNvSpPr/>
          <p:nvPr>
            <p:custDataLst>
              <p:tags r:id="rId28"/>
            </p:custDataLst>
          </p:nvPr>
        </p:nvSpPr>
        <p:spPr>
          <a:xfrm>
            <a:off x="6376527" y="3778885"/>
            <a:ext cx="8890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T_25daa0dc611d483f95fb924b35dfaa27_ShapePercentage" hidden="1"/>
          <p:cNvSpPr/>
          <p:nvPr>
            <p:custDataLst>
              <p:tags r:id="rId2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T_93ceb6e7dacd4e24bc498c48665c7b64_ShapePercentage" hidden="1"/>
          <p:cNvSpPr/>
          <p:nvPr>
            <p:custDataLst>
              <p:tags r:id="rId30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T_e6d8f3d100ab408882a1d1c28d8c71fe_ShapePercentage" hidden="1"/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_eb84c9e5454b4da2b8af70b64940167a_ShapePercentage" hidden="1"/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T_d1f435952b0d437fb628330a98e7416f_ShapePercentage" hidden="1"/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0415fa6d1ab741c4a6da2f272058bc5c_ShapePercentage" hidden="1"/>
          <p:cNvSpPr/>
          <p:nvPr>
            <p:custDataLst>
              <p:tags r:id="rId3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T_36202c685fa645b39aaa055e2f4cb126_ShapePercentage" hidden="1"/>
          <p:cNvSpPr/>
          <p:nvPr>
            <p:custDataLst>
              <p:tags r:id="rId3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25daa0dc611d483f95fb924b35dfaa27_Duration" hidden="1"/>
          <p:cNvSpPr txBox="1"/>
          <p:nvPr>
            <p:custDataLst>
              <p:tags r:id="rId36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6" name="OTLSHAPE_T_25daa0dc611d483f95fb924b35dfaa27_TextPercentage" hidden="1"/>
          <p:cNvSpPr txBox="1"/>
          <p:nvPr>
            <p:custDataLst>
              <p:tags r:id="rId37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7" name="OTLSHAPE_T_25daa0dc611d483f95fb924b35dfaa27_StartDate" hidden="1"/>
          <p:cNvSpPr txBox="1"/>
          <p:nvPr>
            <p:custDataLst>
              <p:tags r:id="rId38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" name="OTLSHAPE_T_25daa0dc611d483f95fb924b35dfaa27_EndDate" hidden="1"/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9" name="OTLSHAPE_T_25daa0dc611d483f95fb924b35dfaa27_JoinedDate"/>
          <p:cNvSpPr txBox="1"/>
          <p:nvPr>
            <p:custDataLst>
              <p:tags r:id="rId40"/>
            </p:custDataLst>
          </p:nvPr>
        </p:nvSpPr>
        <p:spPr>
          <a:xfrm>
            <a:off x="2404079" y="220277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Jul 16 - Jul 24</a:t>
            </a:r>
          </a:p>
        </p:txBody>
      </p:sp>
      <p:sp>
        <p:nvSpPr>
          <p:cNvPr id="30" name="OTLSHAPE_T_25daa0dc611d483f95fb924b35dfaa27_Title"/>
          <p:cNvSpPr txBox="1"/>
          <p:nvPr>
            <p:custDataLst>
              <p:tags r:id="rId41"/>
            </p:custDataLst>
          </p:nvPr>
        </p:nvSpPr>
        <p:spPr>
          <a:xfrm>
            <a:off x="127000" y="219502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Planning and analysis</a:t>
            </a:r>
          </a:p>
        </p:txBody>
      </p:sp>
      <p:sp>
        <p:nvSpPr>
          <p:cNvPr id="33" name="OTLSHAPE_T_93ceb6e7dacd4e24bc498c48665c7b64_Duration" hidden="1"/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4" name="OTLSHAPE_T_93ceb6e7dacd4e24bc498c48665c7b64_TextPercentage" hidden="1"/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5" name="OTLSHAPE_T_93ceb6e7dacd4e24bc498c48665c7b64_StartDate" hidden="1"/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6" name="OTLSHAPE_T_93ceb6e7dacd4e24bc498c48665c7b64_EndDate" hidden="1"/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7" name="OTLSHAPE_T_93ceb6e7dacd4e24bc498c48665c7b64_JoinedDate"/>
          <p:cNvSpPr txBox="1"/>
          <p:nvPr>
            <p:custDataLst>
              <p:tags r:id="rId46"/>
            </p:custDataLst>
          </p:nvPr>
        </p:nvSpPr>
        <p:spPr>
          <a:xfrm>
            <a:off x="3705705" y="246947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Jul 25 - Aug 15</a:t>
            </a:r>
          </a:p>
        </p:txBody>
      </p:sp>
      <p:sp>
        <p:nvSpPr>
          <p:cNvPr id="38" name="OTLSHAPE_T_93ceb6e7dacd4e24bc498c48665c7b64_Title"/>
          <p:cNvSpPr txBox="1"/>
          <p:nvPr>
            <p:custDataLst>
              <p:tags r:id="rId47"/>
            </p:custDataLst>
          </p:nvPr>
        </p:nvSpPr>
        <p:spPr>
          <a:xfrm>
            <a:off x="127000" y="2461726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Creating Matrix-functions</a:t>
            </a:r>
          </a:p>
        </p:txBody>
      </p:sp>
      <p:sp>
        <p:nvSpPr>
          <p:cNvPr id="41" name="OTLSHAPE_T_e6d8f3d100ab408882a1d1c28d8c71fe_Duration" hidden="1"/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2" name="OTLSHAPE_T_e6d8f3d100ab408882a1d1c28d8c71fe_TextPercentage" hidden="1"/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3" name="OTLSHAPE_T_e6d8f3d100ab408882a1d1c28d8c71fe_StartDate" hidden="1"/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4" name="OTLSHAPE_T_e6d8f3d100ab408882a1d1c28d8c71fe_EndDate" hidden="1"/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5" name="OTLSHAPE_T_e6d8f3d100ab408882a1d1c28d8c71fe_JoinedDate"/>
          <p:cNvSpPr txBox="1"/>
          <p:nvPr>
            <p:custDataLst>
              <p:tags r:id="rId52"/>
            </p:custDataLst>
          </p:nvPr>
        </p:nvSpPr>
        <p:spPr>
          <a:xfrm>
            <a:off x="4652342" y="273617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Aug 16 - Aug 31</a:t>
            </a:r>
          </a:p>
        </p:txBody>
      </p:sp>
      <p:sp>
        <p:nvSpPr>
          <p:cNvPr id="46" name="OTLSHAPE_T_e6d8f3d100ab408882a1d1c28d8c71fe_Title"/>
          <p:cNvSpPr txBox="1"/>
          <p:nvPr>
            <p:custDataLst>
              <p:tags r:id="rId53"/>
            </p:custDataLst>
          </p:nvPr>
        </p:nvSpPr>
        <p:spPr>
          <a:xfrm>
            <a:off x="127000" y="2728426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Gradient-descend-algorithm</a:t>
            </a:r>
          </a:p>
        </p:txBody>
      </p:sp>
      <p:sp>
        <p:nvSpPr>
          <p:cNvPr id="49" name="OTLSHAPE_T_eb84c9e5454b4da2b8af70b64940167a_Duration" hidden="1"/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0" name="OTLSHAPE_T_eb84c9e5454b4da2b8af70b64940167a_TextPercentage" hidden="1"/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1" name="OTLSHAPE_T_eb84c9e5454b4da2b8af70b64940167a_StartDate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2" name="OTLSHAPE_T_eb84c9e5454b4da2b8af70b64940167a_End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3" name="OTLSHAPE_T_eb84c9e5454b4da2b8af70b64940167a_JoinedDate"/>
          <p:cNvSpPr txBox="1"/>
          <p:nvPr>
            <p:custDataLst>
              <p:tags r:id="rId58"/>
            </p:custDataLst>
          </p:nvPr>
        </p:nvSpPr>
        <p:spPr>
          <a:xfrm>
            <a:off x="5125660" y="300287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Sep 1 - Sep 8</a:t>
            </a:r>
          </a:p>
        </p:txBody>
      </p:sp>
      <p:sp>
        <p:nvSpPr>
          <p:cNvPr id="54" name="OTLSHAPE_T_eb84c9e5454b4da2b8af70b64940167a_Title"/>
          <p:cNvSpPr txBox="1"/>
          <p:nvPr>
            <p:custDataLst>
              <p:tags r:id="rId59"/>
            </p:custDataLst>
          </p:nvPr>
        </p:nvSpPr>
        <p:spPr>
          <a:xfrm>
            <a:off x="127000" y="299512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Graphics</a:t>
            </a:r>
          </a:p>
        </p:txBody>
      </p:sp>
      <p:sp>
        <p:nvSpPr>
          <p:cNvPr id="57" name="OTLSHAPE_T_d1f435952b0d437fb628330a98e7416f_Duration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8" name="OTLSHAPE_T_d1f435952b0d437fb628330a98e7416f_TextPercentage" hidden="1"/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9" name="OTLSHAPE_T_d1f435952b0d437fb628330a98e7416f_StartDate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0" name="OTLSHAPE_T_d1f435952b0d437fb628330a98e7416f_End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1" name="OTLSHAPE_T_d1f435952b0d437fb628330a98e7416f_JoinedDate"/>
          <p:cNvSpPr txBox="1"/>
          <p:nvPr>
            <p:custDataLst>
              <p:tags r:id="rId64"/>
            </p:custDataLst>
          </p:nvPr>
        </p:nvSpPr>
        <p:spPr>
          <a:xfrm>
            <a:off x="5658143" y="326957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Sep 9 - Sep 17</a:t>
            </a:r>
          </a:p>
        </p:txBody>
      </p:sp>
      <p:sp>
        <p:nvSpPr>
          <p:cNvPr id="62" name="OTLSHAPE_T_d1f435952b0d437fb628330a98e7416f_Title"/>
          <p:cNvSpPr txBox="1"/>
          <p:nvPr>
            <p:custDataLst>
              <p:tags r:id="rId65"/>
            </p:custDataLst>
          </p:nvPr>
        </p:nvSpPr>
        <p:spPr>
          <a:xfrm>
            <a:off x="127000" y="3261826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Feeding data and creating test model</a:t>
            </a:r>
          </a:p>
        </p:txBody>
      </p:sp>
      <p:sp>
        <p:nvSpPr>
          <p:cNvPr id="65" name="OTLSHAPE_T_0415fa6d1ab741c4a6da2f272058bc5c_Duration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6" name="OTLSHAPE_T_0415fa6d1ab741c4a6da2f272058bc5c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7" name="OTLSHAPE_T_0415fa6d1ab741c4a6da2f272058bc5c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8" name="OTLSHAPE_T_0415fa6d1ab741c4a6da2f272058bc5c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9" name="OTLSHAPE_T_0415fa6d1ab741c4a6da2f272058bc5c_JoinedDate"/>
          <p:cNvSpPr txBox="1"/>
          <p:nvPr>
            <p:custDataLst>
              <p:tags r:id="rId70"/>
            </p:custDataLst>
          </p:nvPr>
        </p:nvSpPr>
        <p:spPr>
          <a:xfrm>
            <a:off x="6427286" y="353627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Sep 18 - Sep 30</a:t>
            </a:r>
          </a:p>
        </p:txBody>
      </p:sp>
      <p:sp>
        <p:nvSpPr>
          <p:cNvPr id="70" name="OTLSHAPE_T_0415fa6d1ab741c4a6da2f272058bc5c_Title"/>
          <p:cNvSpPr txBox="1"/>
          <p:nvPr>
            <p:custDataLst>
              <p:tags r:id="rId71"/>
            </p:custDataLst>
          </p:nvPr>
        </p:nvSpPr>
        <p:spPr>
          <a:xfrm>
            <a:off x="127000" y="3528526"/>
            <a:ext cx="226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Make necessary changes on test model</a:t>
            </a:r>
          </a:p>
        </p:txBody>
      </p:sp>
      <p:sp>
        <p:nvSpPr>
          <p:cNvPr id="73" name="OTLSHAPE_T_36202c685fa645b39aaa055e2f4cb126_Duration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4" name="OTLSHAPE_T_36202c685fa645b39aaa055e2f4cb126_TextPercentage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5" name="OTLSHAPE_T_36202c685fa645b39aaa055e2f4cb126_StartDat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6" name="OTLSHAPE_T_36202c685fa645b39aaa055e2f4cb126_End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7" name="OTLSHAPE_T_36202c685fa645b39aaa055e2f4cb126_JoinedDate"/>
          <p:cNvSpPr txBox="1"/>
          <p:nvPr>
            <p:custDataLst>
              <p:tags r:id="rId76"/>
            </p:custDataLst>
          </p:nvPr>
        </p:nvSpPr>
        <p:spPr>
          <a:xfrm>
            <a:off x="7314757" y="380297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Oct 1 - Oct 15</a:t>
            </a:r>
          </a:p>
        </p:txBody>
      </p:sp>
      <p:sp>
        <p:nvSpPr>
          <p:cNvPr id="78" name="OTLSHAPE_T_36202c685fa645b39aaa055e2f4cb126_Title"/>
          <p:cNvSpPr txBox="1"/>
          <p:nvPr>
            <p:custDataLst>
              <p:tags r:id="rId77"/>
            </p:custDataLst>
          </p:nvPr>
        </p:nvSpPr>
        <p:spPr>
          <a:xfrm>
            <a:off x="127000" y="3795226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Implement further goals</a:t>
            </a:r>
          </a:p>
        </p:txBody>
      </p:sp>
      <p:sp>
        <p:nvSpPr>
          <p:cNvPr id="82" name="TextBox 81">
            <a:extLst>
              <a:ext uri="{FF2B5EF4-FFF2-40B4-BE49-F238E27FC236}">
                <a16:creationId xmlns:a16="http://schemas.microsoft.com/office/drawing/2014/main" id="{EB08AFCA-505E-42E9-8BED-589CEAA3374C}"/>
              </a:ext>
            </a:extLst>
          </p:cNvPr>
          <p:cNvSpPr txBox="1"/>
          <p:nvPr/>
        </p:nvSpPr>
        <p:spPr>
          <a:xfrm>
            <a:off x="8546934" y="4651708"/>
            <a:ext cx="427120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endParaRPr lang="en-US">
              <a:solidFill>
                <a:schemeClr val="bg1"/>
              </a:solidFill>
            </a:endParaRPr>
          </a:p>
        </p:txBody>
      </p:sp>
      <p:sp>
        <p:nvSpPr>
          <p:cNvPr id="79" name="TextBox 78">
            <a:extLst>
              <a:ext uri="{FF2B5EF4-FFF2-40B4-BE49-F238E27FC236}">
                <a16:creationId xmlns:a16="http://schemas.microsoft.com/office/drawing/2014/main" id="{4D901B71-9F13-4CBB-8AA4-50439A5174B8}"/>
              </a:ext>
            </a:extLst>
          </p:cNvPr>
          <p:cNvSpPr txBox="1"/>
          <p:nvPr/>
        </p:nvSpPr>
        <p:spPr>
          <a:xfrm>
            <a:off x="7261058" y="4734426"/>
            <a:ext cx="1051259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endParaRPr lang="en-US" dirty="0"/>
          </a:p>
        </p:txBody>
      </p:sp>
      <p:sp>
        <p:nvSpPr>
          <p:cNvPr id="81" name="TextBox 80">
            <a:extLst>
              <a:ext uri="{FF2B5EF4-FFF2-40B4-BE49-F238E27FC236}">
                <a16:creationId xmlns:a16="http://schemas.microsoft.com/office/drawing/2014/main" id="{5CCD9741-6AF9-4CB0-85FC-C7CE833DD003}"/>
              </a:ext>
            </a:extLst>
          </p:cNvPr>
          <p:cNvSpPr txBox="1"/>
          <p:nvPr/>
        </p:nvSpPr>
        <p:spPr>
          <a:xfrm>
            <a:off x="8644689" y="4734426"/>
            <a:ext cx="412081" cy="307777"/>
          </a:xfrm>
          <a:prstGeom prst="rect">
            <a:avLst/>
          </a:prstGeom>
          <a:solidFill>
            <a:schemeClr val="bg1"/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/>
              <a:t>13</a:t>
            </a:r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7BA1E58D-2820-42AF-931C-D8B15266AEEF}"/>
              </a:ext>
            </a:extLst>
          </p:cNvPr>
          <p:cNvSpPr txBox="1"/>
          <p:nvPr/>
        </p:nvSpPr>
        <p:spPr>
          <a:xfrm>
            <a:off x="5779670" y="4696828"/>
            <a:ext cx="2743199" cy="307777"/>
          </a:xfrm>
          <a:prstGeom prst="rect">
            <a:avLst/>
          </a:prstGeom>
          <a:solidFill>
            <a:schemeClr val="tx2"/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83376676"/>
      </p:ext>
    </p:extLst>
  </p:cSld>
  <p:clrMapOvr>
    <a:masterClrMapping/>
  </p:clrMapOvr>
  <p:transition spd="slow">
    <p:push dir="u"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/>
              <a:t>What we did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CF1E2B5-D247-4541-980F-EFB109273B83}"/>
              </a:ext>
            </a:extLst>
          </p:cNvPr>
          <p:cNvSpPr txBox="1"/>
          <p:nvPr/>
        </p:nvSpPr>
        <p:spPr>
          <a:xfrm>
            <a:off x="8592054" y="4756987"/>
            <a:ext cx="592553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>
                <a:solidFill>
                  <a:schemeClr val="bg1"/>
                </a:solidFill>
              </a:rPr>
              <a:t>14</a:t>
            </a:r>
          </a:p>
        </p:txBody>
      </p:sp>
    </p:spTree>
    <p:extLst>
      <p:ext uri="{BB962C8B-B14F-4D97-AF65-F5344CB8AC3E}">
        <p14:creationId xmlns:p14="http://schemas.microsoft.com/office/powerpoint/2010/main" val="2041160354"/>
      </p:ext>
    </p:extLst>
  </p:cSld>
  <p:clrMapOvr>
    <a:masterClrMapping/>
  </p:clrMapOvr>
  <p:transition spd="slow">
    <p:push dir="u"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ES" smtClean="0"/>
              <a:t>15</a:t>
            </a:fld>
            <a:endParaRPr lang="es-ES"/>
          </a:p>
        </p:txBody>
      </p:sp>
      <p:sp>
        <p:nvSpPr>
          <p:cNvPr id="3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159401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8363034" y="159401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16" name="OTLSHAPE_T_1c0013bd23e14ac49698d163cd883d34_HorizontalConnector1"/>
          <p:cNvCxnSpPr/>
          <p:nvPr>
            <p:custDataLst>
              <p:tags r:id="rId4"/>
            </p:custDataLst>
          </p:nvPr>
        </p:nvCxnSpPr>
        <p:spPr>
          <a:xfrm>
            <a:off x="1385993" y="2228850"/>
            <a:ext cx="43484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05a60f2ce75b4732b21bd09ef372fbdf_HorizontalConnector1"/>
          <p:cNvCxnSpPr/>
          <p:nvPr>
            <p:custDataLst>
              <p:tags r:id="rId5"/>
            </p:custDataLst>
          </p:nvPr>
        </p:nvCxnSpPr>
        <p:spPr>
          <a:xfrm>
            <a:off x="1116161" y="2495550"/>
            <a:ext cx="117799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45e383287b08416797cc59a2f50bf235_HorizontalConnector1"/>
          <p:cNvCxnSpPr/>
          <p:nvPr>
            <p:custDataLst>
              <p:tags r:id="rId6"/>
            </p:custDataLst>
          </p:nvPr>
        </p:nvCxnSpPr>
        <p:spPr>
          <a:xfrm>
            <a:off x="1791462" y="2762250"/>
            <a:ext cx="215930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e769ac08d32c44c9a1bad60197a110a4_HorizontalConnector1"/>
          <p:cNvCxnSpPr/>
          <p:nvPr>
            <p:custDataLst>
              <p:tags r:id="rId7"/>
            </p:custDataLst>
          </p:nvPr>
        </p:nvCxnSpPr>
        <p:spPr>
          <a:xfrm>
            <a:off x="1566757" y="3028950"/>
            <a:ext cx="3448980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73f8c0838511490eb99e92363d4039ba_HorizontalConnector1"/>
          <p:cNvCxnSpPr/>
          <p:nvPr>
            <p:custDataLst>
              <p:tags r:id="rId8"/>
            </p:custDataLst>
          </p:nvPr>
        </p:nvCxnSpPr>
        <p:spPr>
          <a:xfrm>
            <a:off x="1399709" y="3295650"/>
            <a:ext cx="456266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d49175858bb74f5c98f31d79e857c388_HorizontalConnector1"/>
          <p:cNvCxnSpPr/>
          <p:nvPr>
            <p:custDataLst>
              <p:tags r:id="rId9"/>
            </p:custDataLst>
          </p:nvPr>
        </p:nvCxnSpPr>
        <p:spPr>
          <a:xfrm>
            <a:off x="942763" y="3562350"/>
            <a:ext cx="567042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33365" y="154305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933365" y="1847850"/>
            <a:ext cx="6299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7027386" y="257175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6901686" y="2698750"/>
            <a:ext cx="36452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96865" y="164052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1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2830974" y="164052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3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4665083" y="16405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2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5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6440027" y="164052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2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2767473" y="1631950"/>
            <a:ext cx="0" cy="203200"/>
          </a:xfrm>
          <a:prstGeom prst="line">
            <a:avLst/>
          </a:prstGeom>
          <a:ln w="7620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4601582" y="1631950"/>
            <a:ext cx="0" cy="203200"/>
          </a:xfrm>
          <a:prstGeom prst="line">
            <a:avLst/>
          </a:prstGeom>
          <a:ln w="7620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6376526" y="1631950"/>
            <a:ext cx="0" cy="203200"/>
          </a:xfrm>
          <a:prstGeom prst="line">
            <a:avLst/>
          </a:prstGeom>
          <a:ln w="7620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_1c0013bd23e14ac49698d163cd883d34_Shape"/>
          <p:cNvSpPr/>
          <p:nvPr>
            <p:custDataLst>
              <p:tags r:id="rId21"/>
            </p:custDataLst>
          </p:nvPr>
        </p:nvSpPr>
        <p:spPr>
          <a:xfrm>
            <a:off x="1820837" y="2127250"/>
            <a:ext cx="4826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_05a60f2ce75b4732b21bd09ef372fbdf_Shape"/>
          <p:cNvSpPr/>
          <p:nvPr>
            <p:custDataLst>
              <p:tags r:id="rId22"/>
            </p:custDataLst>
          </p:nvPr>
        </p:nvSpPr>
        <p:spPr>
          <a:xfrm>
            <a:off x="2294156" y="2408989"/>
            <a:ext cx="2449095" cy="21072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T_45e383287b08416797cc59a2f50bf235_Shape"/>
          <p:cNvSpPr/>
          <p:nvPr>
            <p:custDataLst>
              <p:tags r:id="rId23"/>
            </p:custDataLst>
          </p:nvPr>
        </p:nvSpPr>
        <p:spPr>
          <a:xfrm>
            <a:off x="4747861" y="2675689"/>
            <a:ext cx="551281" cy="210721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T_e769ac08d32c44c9a1bad60197a110a4_Shape"/>
          <p:cNvSpPr/>
          <p:nvPr>
            <p:custDataLst>
              <p:tags r:id="rId24"/>
            </p:custDataLst>
          </p:nvPr>
        </p:nvSpPr>
        <p:spPr>
          <a:xfrm>
            <a:off x="5301486" y="2949908"/>
            <a:ext cx="659231" cy="195683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73f8c0838511490eb99e92363d4039ba_Shape"/>
          <p:cNvSpPr/>
          <p:nvPr>
            <p:custDataLst>
              <p:tags r:id="rId25"/>
            </p:custDataLst>
          </p:nvPr>
        </p:nvSpPr>
        <p:spPr>
          <a:xfrm>
            <a:off x="5962373" y="3194050"/>
            <a:ext cx="7112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T_d49175858bb74f5c98f31d79e857c388_Shape"/>
          <p:cNvSpPr/>
          <p:nvPr>
            <p:custDataLst>
              <p:tags r:id="rId26"/>
            </p:custDataLst>
          </p:nvPr>
        </p:nvSpPr>
        <p:spPr>
          <a:xfrm>
            <a:off x="6665822" y="3483308"/>
            <a:ext cx="503322" cy="218241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_1c0013bd23e14ac49698d163cd883d34_ShapePercentage" hidden="1"/>
          <p:cNvSpPr/>
          <p:nvPr>
            <p:custDataLst>
              <p:tags r:id="rId2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05a60f2ce75b4732b21bd09ef372fbdf_ShapePercentage" hidden="1"/>
          <p:cNvSpPr/>
          <p:nvPr>
            <p:custDataLst>
              <p:tags r:id="rId28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T_45e383287b08416797cc59a2f50bf235_ShapePercentage" hidden="1"/>
          <p:cNvSpPr/>
          <p:nvPr>
            <p:custDataLst>
              <p:tags r:id="rId2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e769ac08d32c44c9a1bad60197a110a4_ShapePercentage" hidden="1"/>
          <p:cNvSpPr/>
          <p:nvPr>
            <p:custDataLst>
              <p:tags r:id="rId30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73f8c0838511490eb99e92363d4039ba_ShapePercentage" hidden="1"/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d49175858bb74f5c98f31d79e857c388_ShapePercentage" hidden="1"/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T_1c0013bd23e14ac49698d163cd883d34_Duration" hidden="1"/>
          <p:cNvSpPr txBox="1"/>
          <p:nvPr>
            <p:custDataLst>
              <p:tags r:id="rId33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5" name="OTLSHAPE_T_1c0013bd23e14ac49698d163cd883d34_TextPercentage" hidden="1"/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6" name="OTLSHAPE_T_1c0013bd23e14ac49698d163cd883d34_StartDate" hidden="1"/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7" name="OTLSHAPE_T_1c0013bd23e14ac49698d163cd883d34_EndDate" hidden="1"/>
          <p:cNvSpPr txBox="1"/>
          <p:nvPr>
            <p:custDataLst>
              <p:tags r:id="rId36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" name="OTLSHAPE_T_1c0013bd23e14ac49698d163cd883d34_JoinedDate"/>
          <p:cNvSpPr txBox="1"/>
          <p:nvPr>
            <p:custDataLst>
              <p:tags r:id="rId37"/>
            </p:custDataLst>
          </p:nvPr>
        </p:nvSpPr>
        <p:spPr>
          <a:xfrm>
            <a:off x="2344915" y="215133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Jul 16 - Jul 23</a:t>
            </a:r>
          </a:p>
        </p:txBody>
      </p:sp>
      <p:sp>
        <p:nvSpPr>
          <p:cNvPr id="29" name="OTLSHAPE_T_1c0013bd23e14ac49698d163cd883d34_Title"/>
          <p:cNvSpPr txBox="1"/>
          <p:nvPr>
            <p:custDataLst>
              <p:tags r:id="rId38"/>
            </p:custDataLst>
          </p:nvPr>
        </p:nvSpPr>
        <p:spPr>
          <a:xfrm>
            <a:off x="127000" y="2143591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Planning and Analysis</a:t>
            </a:r>
          </a:p>
        </p:txBody>
      </p:sp>
      <p:sp>
        <p:nvSpPr>
          <p:cNvPr id="32" name="OTLSHAPE_T_05a60f2ce75b4732b21bd09ef372fbdf_Duration" hidden="1"/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3" name="OTLSHAPE_T_05a60f2ce75b4732b21bd09ef372fbdf_TextPercentage" hidden="1"/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4" name="OTLSHAPE_T_05a60f2ce75b4732b21bd09ef372fbdf_StartDate" hidden="1"/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5" name="OTLSHAPE_T_05a60f2ce75b4732b21bd09ef372fbdf_EndDate" hidden="1"/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6" name="OTLSHAPE_T_05a60f2ce75b4732b21bd09ef372fbdf_JoinedDate"/>
          <p:cNvSpPr txBox="1"/>
          <p:nvPr>
            <p:custDataLst>
              <p:tags r:id="rId43"/>
            </p:custDataLst>
          </p:nvPr>
        </p:nvSpPr>
        <p:spPr>
          <a:xfrm>
            <a:off x="4827707" y="241803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44546A"/>
                </a:solidFill>
                <a:latin typeface="Calibri"/>
              </a:rPr>
              <a:t>Jul 24 - Sep 07</a:t>
            </a:r>
          </a:p>
        </p:txBody>
      </p:sp>
      <p:sp>
        <p:nvSpPr>
          <p:cNvPr id="37" name="OTLSHAPE_T_05a60f2ce75b4732b21bd09ef372fbdf_Title"/>
          <p:cNvSpPr txBox="1"/>
          <p:nvPr>
            <p:custDataLst>
              <p:tags r:id="rId44"/>
            </p:custDataLst>
          </p:nvPr>
        </p:nvSpPr>
        <p:spPr>
          <a:xfrm>
            <a:off x="127000" y="2410291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Matrix-Functions</a:t>
            </a:r>
          </a:p>
        </p:txBody>
      </p:sp>
      <p:sp>
        <p:nvSpPr>
          <p:cNvPr id="40" name="OTLSHAPE_T_45e383287b08416797cc59a2f50bf235_Duration" hidden="1"/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1" name="OTLSHAPE_T_45e383287b08416797cc59a2f50bf235_TextPercentage" hidden="1"/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2" name="OTLSHAPE_T_45e383287b08416797cc59a2f50bf235_StartDate" hidden="1"/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3" name="OTLSHAPE_T_45e383287b08416797cc59a2f50bf235_EndDate" hidden="1"/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4" name="OTLSHAPE_T_45e383287b08416797cc59a2f50bf235_JoinedDate"/>
          <p:cNvSpPr txBox="1"/>
          <p:nvPr>
            <p:custDataLst>
              <p:tags r:id="rId49"/>
            </p:custDataLst>
          </p:nvPr>
        </p:nvSpPr>
        <p:spPr>
          <a:xfrm>
            <a:off x="5411410" y="2677786"/>
            <a:ext cx="736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44546A"/>
                </a:solidFill>
                <a:latin typeface="Calibri"/>
              </a:rPr>
              <a:t>Sep 8 - Sep 16</a:t>
            </a:r>
          </a:p>
        </p:txBody>
      </p:sp>
      <p:sp>
        <p:nvSpPr>
          <p:cNvPr id="45" name="OTLSHAPE_T_45e383287b08416797cc59a2f50bf235_Title"/>
          <p:cNvSpPr txBox="1"/>
          <p:nvPr>
            <p:custDataLst>
              <p:tags r:id="rId50"/>
            </p:custDataLst>
          </p:nvPr>
        </p:nvSpPr>
        <p:spPr>
          <a:xfrm>
            <a:off x="127000" y="2676991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Gradient-Descend-Algorithm</a:t>
            </a:r>
          </a:p>
        </p:txBody>
      </p:sp>
      <p:sp>
        <p:nvSpPr>
          <p:cNvPr id="48" name="OTLSHAPE_T_e769ac08d32c44c9a1bad60197a110a4_Duration" hidden="1"/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9" name="OTLSHAPE_T_e769ac08d32c44c9a1bad60197a110a4_TextPercentage" hidden="1"/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0" name="OTLSHAPE_T_e769ac08d32c44c9a1bad60197a110a4_StartDate" hidden="1"/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1" name="OTLSHAPE_T_e769ac08d32c44c9a1bad60197a110a4_EndDate" hidden="1"/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2" name="OTLSHAPE_T_e769ac08d32c44c9a1bad60197a110a4_JoinedDate"/>
          <p:cNvSpPr txBox="1"/>
          <p:nvPr>
            <p:custDataLst>
              <p:tags r:id="rId55"/>
            </p:custDataLst>
          </p:nvPr>
        </p:nvSpPr>
        <p:spPr>
          <a:xfrm>
            <a:off x="6013132" y="2948246"/>
            <a:ext cx="83669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44546A"/>
                </a:solidFill>
                <a:latin typeface="Calibri"/>
              </a:rPr>
              <a:t>Sep 16- Sep 23</a:t>
            </a:r>
          </a:p>
        </p:txBody>
      </p:sp>
      <p:sp>
        <p:nvSpPr>
          <p:cNvPr id="53" name="OTLSHAPE_T_e769ac08d32c44c9a1bad60197a110a4_Title"/>
          <p:cNvSpPr txBox="1"/>
          <p:nvPr>
            <p:custDataLst>
              <p:tags r:id="rId56"/>
            </p:custDataLst>
          </p:nvPr>
        </p:nvSpPr>
        <p:spPr>
          <a:xfrm>
            <a:off x="127000" y="2943691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Implementation-Training</a:t>
            </a:r>
          </a:p>
        </p:txBody>
      </p:sp>
      <p:sp>
        <p:nvSpPr>
          <p:cNvPr id="56" name="OTLSHAPE_T_73f8c0838511490eb99e92363d4039ba_Duration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7" name="OTLSHAPE_T_73f8c0838511490eb99e92363d4039ba_TextPercentag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8" name="OTLSHAPE_T_73f8c0838511490eb99e92363d4039ba_StartDate" hidden="1"/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9" name="OTLSHAPE_T_73f8c0838511490eb99e92363d4039ba_EndDate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0" name="OTLSHAPE_T_73f8c0838511490eb99e92363d4039ba_JoinedDate"/>
          <p:cNvSpPr txBox="1"/>
          <p:nvPr>
            <p:custDataLst>
              <p:tags r:id="rId61"/>
            </p:custDataLst>
          </p:nvPr>
        </p:nvSpPr>
        <p:spPr>
          <a:xfrm>
            <a:off x="6723110" y="321813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Sep 24 - Oct 5</a:t>
            </a:r>
          </a:p>
        </p:txBody>
      </p:sp>
      <p:sp>
        <p:nvSpPr>
          <p:cNvPr id="61" name="OTLSHAPE_T_73f8c0838511490eb99e92363d4039ba_Title"/>
          <p:cNvSpPr txBox="1"/>
          <p:nvPr>
            <p:custDataLst>
              <p:tags r:id="rId62"/>
            </p:custDataLst>
          </p:nvPr>
        </p:nvSpPr>
        <p:spPr>
          <a:xfrm>
            <a:off x="127000" y="3210391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Graph Representation</a:t>
            </a:r>
          </a:p>
        </p:txBody>
      </p:sp>
      <p:sp>
        <p:nvSpPr>
          <p:cNvPr id="64" name="OTLSHAPE_T_d49175858bb74f5c98f31d79e857c388_Duration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5" name="OTLSHAPE_T_d49175858bb74f5c98f31d79e857c388_TextPercentag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6" name="OTLSHAPE_T_d49175858bb74f5c98f31d79e857c388_StartDate" hidden="1"/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7" name="OTLSHAPE_T_d49175858bb74f5c98f31d79e857c388_EndDat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8" name="OTLSHAPE_T_d49175858bb74f5c98f31d79e857c388_JoinedDate"/>
          <p:cNvSpPr txBox="1"/>
          <p:nvPr>
            <p:custDataLst>
              <p:tags r:id="rId67"/>
            </p:custDataLst>
          </p:nvPr>
        </p:nvSpPr>
        <p:spPr>
          <a:xfrm>
            <a:off x="7196428" y="348483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44546A"/>
                </a:solidFill>
                <a:latin typeface="Calibri"/>
              </a:rPr>
              <a:t>Oct 5 - Oct 14</a:t>
            </a:r>
            <a:endParaRPr lang="en-US" sz="1000" spc="-4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d49175858bb74f5c98f31d79e857c388_Title"/>
          <p:cNvSpPr txBox="1"/>
          <p:nvPr>
            <p:custDataLst>
              <p:tags r:id="rId68"/>
            </p:custDataLst>
          </p:nvPr>
        </p:nvSpPr>
        <p:spPr>
          <a:xfrm>
            <a:off x="127000" y="3477091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User Interface</a:t>
            </a: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17339EBA-6C69-48DF-B9A6-2E0F989DF9EF}"/>
              </a:ext>
            </a:extLst>
          </p:cNvPr>
          <p:cNvSpPr txBox="1"/>
          <p:nvPr/>
        </p:nvSpPr>
        <p:spPr>
          <a:xfrm>
            <a:off x="8734927" y="4764505"/>
            <a:ext cx="269206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70" name="TextBox 69">
            <a:extLst>
              <a:ext uri="{FF2B5EF4-FFF2-40B4-BE49-F238E27FC236}">
                <a16:creationId xmlns:a16="http://schemas.microsoft.com/office/drawing/2014/main" id="{2A6E1D57-7924-4E87-9890-5F380AA61A8F}"/>
              </a:ext>
            </a:extLst>
          </p:cNvPr>
          <p:cNvSpPr txBox="1"/>
          <p:nvPr/>
        </p:nvSpPr>
        <p:spPr>
          <a:xfrm>
            <a:off x="6185736" y="4764505"/>
            <a:ext cx="2743199" cy="307777"/>
          </a:xfrm>
          <a:prstGeom prst="rect">
            <a:avLst/>
          </a:prstGeom>
          <a:solidFill>
            <a:schemeClr val="bg1"/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endParaRPr lang="en-US" dirty="0"/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82900EF7-8031-452E-BED8-0CD645DA5A14}"/>
              </a:ext>
            </a:extLst>
          </p:cNvPr>
          <p:cNvSpPr txBox="1"/>
          <p:nvPr/>
        </p:nvSpPr>
        <p:spPr>
          <a:xfrm>
            <a:off x="8592051" y="4764505"/>
            <a:ext cx="524876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/>
              <a:t>1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97696229"/>
      </p:ext>
    </p:extLst>
  </p:cSld>
  <p:clrMapOvr>
    <a:masterClrMapping/>
  </p:clrMapOvr>
  <p:transition spd="slow">
    <p:push dir="u"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4800"/>
              <a:t>FUTURE WORK</a:t>
            </a:r>
          </a:p>
        </p:txBody>
      </p:sp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4656141" y="1950940"/>
            <a:ext cx="3353700" cy="1513200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US" sz="1800" dirty="0">
                <a:latin typeface="Squada One"/>
              </a:rPr>
              <a:t>More features</a:t>
            </a:r>
            <a:endParaRPr lang="en-US" sz="1800" dirty="0">
              <a:latin typeface="Squada One" panose="020B0604020202020204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US" sz="1800" dirty="0">
                <a:latin typeface="Squada One"/>
              </a:rPr>
              <a:t>Space for rent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1800" dirty="0">
                <a:latin typeface="Squada One"/>
              </a:rPr>
              <a:t>More data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1800" dirty="0">
                <a:latin typeface="Squada One"/>
              </a:rPr>
              <a:t>Commercial space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1800" dirty="0">
                <a:latin typeface="Squada One"/>
              </a:rPr>
              <a:t>Web based trading system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1800">
              <a:latin typeface="Squada One" panose="020B0604020202020204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99A02A4-CD7A-458C-9AF7-2B15232B3DED}"/>
              </a:ext>
            </a:extLst>
          </p:cNvPr>
          <p:cNvSpPr txBox="1"/>
          <p:nvPr/>
        </p:nvSpPr>
        <p:spPr>
          <a:xfrm>
            <a:off x="8652211" y="4779545"/>
            <a:ext cx="449679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>
                <a:solidFill>
                  <a:schemeClr val="bg1"/>
                </a:solidFill>
              </a:rPr>
              <a:t>16</a:t>
            </a:r>
          </a:p>
        </p:txBody>
      </p:sp>
    </p:spTree>
    <p:extLst>
      <p:ext uri="{BB962C8B-B14F-4D97-AF65-F5344CB8AC3E}">
        <p14:creationId xmlns:p14="http://schemas.microsoft.com/office/powerpoint/2010/main" val="2339138585"/>
      </p:ext>
    </p:extLst>
  </p:cSld>
  <p:clrMapOvr>
    <a:masterClrMapping/>
  </p:clrMapOvr>
  <p:transition spd="slow">
    <p:push dir="u"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Shape 4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0" name="Google Shape;420;p41"/>
          <p:cNvSpPr txBox="1">
            <a:spLocks noGrp="1"/>
          </p:cNvSpPr>
          <p:nvPr>
            <p:ph type="ctrTitle"/>
          </p:nvPr>
        </p:nvSpPr>
        <p:spPr>
          <a:xfrm>
            <a:off x="1709636" y="1515646"/>
            <a:ext cx="5724600" cy="1241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b" anchorCtr="0">
            <a:noAutofit/>
          </a:bodyPr>
          <a:lstStyle/>
          <a:p>
            <a:pPr marL="0" lvl="0" indent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accent6"/>
              </a:buClr>
              <a:buSzPts val="5000"/>
              <a:buFont typeface="Nunito Sans Black"/>
              <a:buNone/>
            </a:pPr>
            <a:r>
              <a:rPr lang="en-US">
                <a:solidFill>
                  <a:schemeClr val="tx1"/>
                </a:solidFill>
              </a:rPr>
              <a:t>THANKS</a:t>
            </a:r>
            <a:endParaRPr>
              <a:solidFill>
                <a:schemeClr val="tx1"/>
              </a:solidFill>
            </a:endParaRPr>
          </a:p>
        </p:txBody>
      </p:sp>
      <p:sp>
        <p:nvSpPr>
          <p:cNvPr id="421" name="Google Shape;421;p41"/>
          <p:cNvSpPr txBox="1">
            <a:spLocks noGrp="1"/>
          </p:cNvSpPr>
          <p:nvPr>
            <p:ph type="subTitle" idx="1"/>
          </p:nvPr>
        </p:nvSpPr>
        <p:spPr>
          <a:xfrm>
            <a:off x="3206903" y="3227865"/>
            <a:ext cx="2724600" cy="1004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Autofit/>
          </a:bodyPr>
          <a:lstStyle/>
          <a:p>
            <a:pPr marL="0" lvl="0" indent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accent6"/>
              </a:buClr>
              <a:buSzPts val="1100"/>
              <a:buNone/>
            </a:pPr>
            <a:r>
              <a:rPr lang="en-US" sz="5400" b="0">
                <a:solidFill>
                  <a:schemeClr val="tx1"/>
                </a:solidFill>
                <a:latin typeface="Squada One" panose="020B0604020202020204" charset="0"/>
              </a:rPr>
              <a:t>Q/A</a:t>
            </a:r>
            <a:endParaRPr sz="5400" b="0">
              <a:solidFill>
                <a:schemeClr val="tx1"/>
              </a:solidFill>
              <a:latin typeface="Squada One" panose="020B060402020202020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2288A097-ECF0-43BF-8ECF-617CE37153B4}"/>
              </a:ext>
            </a:extLst>
          </p:cNvPr>
          <p:cNvSpPr txBox="1"/>
          <p:nvPr/>
        </p:nvSpPr>
        <p:spPr>
          <a:xfrm>
            <a:off x="8644690" y="4772025"/>
            <a:ext cx="389521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>
                <a:solidFill>
                  <a:schemeClr val="bg1"/>
                </a:solidFill>
              </a:rPr>
              <a:t>17</a:t>
            </a:r>
          </a:p>
        </p:txBody>
      </p:sp>
    </p:spTree>
  </p:cSld>
  <p:clrMapOvr>
    <a:masterClrMapping/>
  </p:clrMapOvr>
  <p:transition spd="slow">
    <p:push dir="u"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Shape 3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5" name="Google Shape;315;p30"/>
          <p:cNvSpPr txBox="1">
            <a:spLocks noGrp="1"/>
          </p:cNvSpPr>
          <p:nvPr>
            <p:ph type="ctrTitle"/>
          </p:nvPr>
        </p:nvSpPr>
        <p:spPr>
          <a:xfrm>
            <a:off x="1290262" y="2289737"/>
            <a:ext cx="6634500" cy="1241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b" anchorCtr="0">
            <a:noAutofit/>
          </a:bodyPr>
          <a:lstStyle/>
          <a:p>
            <a:pPr marL="0" lvl="0" indent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500"/>
              <a:buFont typeface="Nunito Sans Black"/>
              <a:buNone/>
            </a:pPr>
            <a:r>
              <a:rPr lang="en-US" b="0">
                <a:solidFill>
                  <a:schemeClr val="tx1"/>
                </a:solidFill>
              </a:rPr>
              <a:t>HOUSING PRICE PREDICTOR</a:t>
            </a:r>
            <a:endParaRPr b="0">
              <a:solidFill>
                <a:schemeClr val="tx1"/>
              </a:solidFill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08C65AE-957E-4432-A32C-43BAEA67D3BA}"/>
              </a:ext>
            </a:extLst>
          </p:cNvPr>
          <p:cNvSpPr txBox="1"/>
          <p:nvPr/>
        </p:nvSpPr>
        <p:spPr>
          <a:xfrm>
            <a:off x="8734927" y="4764505"/>
            <a:ext cx="269206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>
                <a:solidFill>
                  <a:schemeClr val="bg1"/>
                </a:solidFill>
              </a:rPr>
              <a:t>2</a:t>
            </a:r>
          </a:p>
        </p:txBody>
      </p:sp>
    </p:spTree>
  </p:cSld>
  <p:clrMapOvr>
    <a:masterClrMapping/>
  </p:clrMapOvr>
  <p:transition spd="slow">
    <p:push dir="u"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5400"/>
              <a:t>CONTENTS</a:t>
            </a:r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>
          <a:xfrm>
            <a:off x="4685170" y="2272344"/>
            <a:ext cx="3353700" cy="1513200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US" sz="2400">
                <a:latin typeface="Squada One" panose="020B0604020202020204" charset="0"/>
              </a:rPr>
              <a:t>Introduction to the project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400">
                <a:latin typeface="Squada One" panose="020B0604020202020204" charset="0"/>
              </a:rPr>
              <a:t>Motivation and Objective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400">
                <a:latin typeface="Squada One" panose="020B0604020202020204" charset="0"/>
              </a:rPr>
              <a:t>Project detail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400">
                <a:latin typeface="Squada One" panose="020B0604020202020204" charset="0"/>
              </a:rPr>
              <a:t>Timelin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400">
                <a:latin typeface="Squada One" panose="020B0604020202020204" charset="0"/>
              </a:rPr>
              <a:t>Future Work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2400">
              <a:latin typeface="Squada One" panose="020B0604020202020204" charset="0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2400">
              <a:latin typeface="Squada One" panose="020B060402020202020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82451E6-D521-4D82-82A7-431BE33FF037}"/>
              </a:ext>
            </a:extLst>
          </p:cNvPr>
          <p:cNvSpPr txBox="1"/>
          <p:nvPr/>
        </p:nvSpPr>
        <p:spPr>
          <a:xfrm>
            <a:off x="8734927" y="4764505"/>
            <a:ext cx="269206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>
                <a:solidFill>
                  <a:schemeClr val="bg1"/>
                </a:solidFill>
              </a:rPr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3101511938"/>
      </p:ext>
    </p:extLst>
  </p:cSld>
  <p:clrMapOvr>
    <a:masterClrMapping/>
  </p:clrMapOvr>
  <p:transition spd="slow">
    <p:push dir="u"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34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0" name="Google Shape;350;p34"/>
          <p:cNvSpPr txBox="1">
            <a:spLocks noGrp="1"/>
          </p:cNvSpPr>
          <p:nvPr>
            <p:ph type="ctrTitle"/>
          </p:nvPr>
        </p:nvSpPr>
        <p:spPr>
          <a:xfrm flipH="1">
            <a:off x="821765" y="2086944"/>
            <a:ext cx="3158100" cy="1241400"/>
          </a:xfrm>
          <a:prstGeom prst="rect">
            <a:avLst/>
          </a:prstGeom>
        </p:spPr>
        <p:txBody>
          <a:bodyPr spcFirstLastPara="1" wrap="square" lIns="68575" tIns="34275" rIns="68575" bIns="34275" anchor="b" anchorCtr="0">
            <a:noAutofit/>
          </a:bodyPr>
          <a:lstStyle/>
          <a:p>
            <a:pPr lvl="0" algn="ctr"/>
            <a:r>
              <a:rPr lang="en-US" sz="4000" b="1">
                <a:solidFill>
                  <a:schemeClr val="bg1"/>
                </a:solidFill>
                <a:latin typeface="Squada One" panose="020B0604020202020204" charset="0"/>
              </a:rPr>
              <a:t>What is the Housing Price Predictor?</a:t>
            </a:r>
            <a:endParaRPr sz="4000" b="0">
              <a:latin typeface="Squada One" panose="020B0604020202020204" charset="0"/>
            </a:endParaRPr>
          </a:p>
        </p:txBody>
      </p:sp>
      <p:sp>
        <p:nvSpPr>
          <p:cNvPr id="351" name="Google Shape;351;p34"/>
          <p:cNvSpPr txBox="1">
            <a:spLocks noGrp="1"/>
          </p:cNvSpPr>
          <p:nvPr>
            <p:ph type="subTitle" idx="1"/>
          </p:nvPr>
        </p:nvSpPr>
        <p:spPr>
          <a:xfrm>
            <a:off x="4397193" y="1425297"/>
            <a:ext cx="4577253" cy="2448580"/>
          </a:xfrm>
          <a:prstGeom prst="rect">
            <a:avLst/>
          </a:prstGeom>
        </p:spPr>
        <p:txBody>
          <a:bodyPr spcFirstLastPara="1" wrap="square" lIns="68575" tIns="34275" rIns="68575" bIns="34275" anchor="t" anchorCtr="0">
            <a:noAutofit/>
          </a:bodyPr>
          <a:lstStyle/>
          <a:p>
            <a:pPr marL="0" indent="0" algn="ctr"/>
            <a:r>
              <a:rPr lang="en-US" sz="3200">
                <a:solidFill>
                  <a:schemeClr val="bg1"/>
                </a:solidFill>
                <a:latin typeface="Squada One" panose="020B0604020202020204" charset="0"/>
              </a:rPr>
              <a:t>A useful software  to get a quick and easy </a:t>
            </a:r>
            <a:r>
              <a:rPr lang="en-US" sz="3200" b="1">
                <a:solidFill>
                  <a:schemeClr val="bg1"/>
                </a:solidFill>
                <a:latin typeface="Squada One" panose="020B0604020202020204" charset="0"/>
              </a:rPr>
              <a:t>estimation</a:t>
            </a:r>
          </a:p>
          <a:p>
            <a:pPr marL="0" indent="0" algn="ctr"/>
            <a:r>
              <a:rPr lang="en-US" sz="3200">
                <a:solidFill>
                  <a:schemeClr val="bg1"/>
                </a:solidFill>
                <a:latin typeface="Squada One" panose="020B0604020202020204" charset="0"/>
              </a:rPr>
              <a:t> of the real </a:t>
            </a:r>
            <a:r>
              <a:rPr lang="en-US" sz="3200" b="1">
                <a:solidFill>
                  <a:schemeClr val="bg1"/>
                </a:solidFill>
                <a:latin typeface="Squada One" panose="020B0604020202020204" charset="0"/>
              </a:rPr>
              <a:t>price</a:t>
            </a:r>
            <a:r>
              <a:rPr lang="en-US" sz="3200">
                <a:solidFill>
                  <a:schemeClr val="bg1"/>
                </a:solidFill>
                <a:latin typeface="Squada One" panose="020B0604020202020204" charset="0"/>
              </a:rPr>
              <a:t> of your </a:t>
            </a:r>
            <a:r>
              <a:rPr lang="en-US" sz="3200" b="1">
                <a:solidFill>
                  <a:schemeClr val="bg1"/>
                </a:solidFill>
                <a:latin typeface="Squada One" panose="020B0604020202020204" charset="0"/>
              </a:rPr>
              <a:t>property</a:t>
            </a:r>
            <a:r>
              <a:rPr lang="en-US" sz="3200">
                <a:solidFill>
                  <a:schemeClr val="bg1"/>
                </a:solidFill>
                <a:latin typeface="Squada One" panose="020B0604020202020204" charset="0"/>
              </a:rPr>
              <a:t>.</a:t>
            </a:r>
          </a:p>
          <a:p>
            <a:pPr marL="0" lvl="0" indent="0" algn="ctr" rtl="0">
              <a:spcBef>
                <a:spcPts val="800"/>
              </a:spcBef>
              <a:spcAft>
                <a:spcPts val="0"/>
              </a:spcAft>
              <a:buNone/>
            </a:pPr>
            <a:endParaRPr sz="3200">
              <a:latin typeface="Squada One" panose="020B060402020202020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0FB6E253-C062-4982-98CE-EF89CD8BFD9D}"/>
              </a:ext>
            </a:extLst>
          </p:cNvPr>
          <p:cNvSpPr txBox="1"/>
          <p:nvPr/>
        </p:nvSpPr>
        <p:spPr>
          <a:xfrm>
            <a:off x="8734927" y="4764505"/>
            <a:ext cx="269206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>
                <a:solidFill>
                  <a:schemeClr val="bg1"/>
                </a:solidFill>
              </a:rPr>
              <a:t>4</a:t>
            </a:r>
          </a:p>
        </p:txBody>
      </p:sp>
    </p:spTree>
  </p:cSld>
  <p:clrMapOvr>
    <a:masterClrMapping/>
  </p:clrMapOvr>
  <p:transition spd="slow">
    <p:push dir="u"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571612" y="896792"/>
            <a:ext cx="6390300" cy="723300"/>
          </a:xfrm>
        </p:spPr>
        <p:txBody>
          <a:bodyPr/>
          <a:lstStyle/>
          <a:p>
            <a:r>
              <a:rPr lang="en-US" sz="4400"/>
              <a:t>MOTIVATION AND OBJECTIVES</a:t>
            </a:r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>
          <a:xfrm>
            <a:off x="2182090" y="1620092"/>
            <a:ext cx="4613565" cy="2563980"/>
          </a:xfrm>
        </p:spPr>
        <p:txBody>
          <a:bodyPr/>
          <a:lstStyle/>
          <a:p>
            <a:pPr algn="l">
              <a:buFont typeface="Arial" panose="020B0604020202020204" pitchFamily="34" charset="0"/>
              <a:buChar char="•"/>
            </a:pPr>
            <a:r>
              <a:rPr lang="en-US" sz="2000" dirty="0">
                <a:latin typeface="Squada One"/>
              </a:rPr>
              <a:t>Creating transparency between the seller and the buyer.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2000" dirty="0">
                <a:latin typeface="Squada One"/>
              </a:rPr>
              <a:t>Minimize the struggle in finding houses in new areas.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2000" dirty="0">
                <a:latin typeface="Squada One"/>
              </a:rPr>
              <a:t>Nearly perfect estimation of the cost according to our needs.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2000" dirty="0">
                <a:latin typeface="Squada One"/>
              </a:rPr>
              <a:t>Saving time.</a:t>
            </a:r>
          </a:p>
          <a:p>
            <a:pPr marL="171450" indent="0" algn="l"/>
            <a:endParaRPr lang="en-US" sz="2000">
              <a:latin typeface="Squada One" panose="020B0604020202020204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DAEE59C-F32A-4DEE-8BF1-60028C1678DA}"/>
              </a:ext>
            </a:extLst>
          </p:cNvPr>
          <p:cNvSpPr txBox="1"/>
          <p:nvPr/>
        </p:nvSpPr>
        <p:spPr>
          <a:xfrm>
            <a:off x="8757486" y="4764505"/>
            <a:ext cx="269206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>
                <a:solidFill>
                  <a:schemeClr val="bg1"/>
                </a:solidFill>
              </a:rPr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2877609478"/>
      </p:ext>
    </p:extLst>
  </p:cSld>
  <p:clrMapOvr>
    <a:masterClrMapping/>
  </p:clrMapOvr>
  <p:transition spd="slow">
    <p:push dir="u"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14542" y="1035337"/>
            <a:ext cx="6390300" cy="723300"/>
          </a:xfrm>
        </p:spPr>
        <p:txBody>
          <a:bodyPr/>
          <a:lstStyle/>
          <a:p>
            <a:r>
              <a:rPr lang="en-US" sz="6000"/>
              <a:t>Targeted</a:t>
            </a:r>
            <a:r>
              <a:rPr lang="en-US" sz="6600"/>
              <a:t> Users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832842" y="1820982"/>
            <a:ext cx="3353700" cy="2321526"/>
          </a:xfrm>
        </p:spPr>
        <p:txBody>
          <a:bodyPr/>
          <a:lstStyle/>
          <a:p>
            <a:pPr algn="l">
              <a:buFont typeface="Arial" panose="020B0604020202020204" pitchFamily="34" charset="0"/>
              <a:buChar char="•"/>
            </a:pPr>
            <a:r>
              <a:rPr lang="en-US" sz="4000">
                <a:latin typeface="Squada One" panose="020B0604020202020204" charset="0"/>
              </a:rPr>
              <a:t>Buyers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4000">
                <a:latin typeface="Squada One" panose="020B0604020202020204" charset="0"/>
              </a:rPr>
              <a:t>Sellers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4000">
                <a:latin typeface="Squada One" panose="020B0604020202020204" charset="0"/>
              </a:rPr>
              <a:t>Professional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2FF8BE-236C-4861-ACEC-3FA90912F2E6}"/>
              </a:ext>
            </a:extLst>
          </p:cNvPr>
          <p:cNvSpPr txBox="1"/>
          <p:nvPr/>
        </p:nvSpPr>
        <p:spPr>
          <a:xfrm>
            <a:off x="8734927" y="4764505"/>
            <a:ext cx="269206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>
                <a:solidFill>
                  <a:schemeClr val="bg1"/>
                </a:solidFill>
              </a:rPr>
              <a:t>6</a:t>
            </a:r>
          </a:p>
        </p:txBody>
      </p:sp>
    </p:spTree>
    <p:extLst>
      <p:ext uri="{BB962C8B-B14F-4D97-AF65-F5344CB8AC3E}">
        <p14:creationId xmlns:p14="http://schemas.microsoft.com/office/powerpoint/2010/main" val="1547042380"/>
      </p:ext>
    </p:extLst>
  </p:cSld>
  <p:clrMapOvr>
    <a:masterClrMapping/>
  </p:clrMapOvr>
  <p:transition spd="slow">
    <p:push dir="u"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l="-3000" r="-3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" y="727364"/>
            <a:ext cx="9144000" cy="1683327"/>
          </a:xfrm>
        </p:spPr>
        <p:txBody>
          <a:bodyPr/>
          <a:lstStyle/>
          <a:p>
            <a:r>
              <a:rPr lang="en-US" sz="6000">
                <a:solidFill>
                  <a:schemeClr val="tx1"/>
                </a:solidFill>
              </a:rPr>
              <a:t> Project Detail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090B1E54-B418-48E4-9EE5-E34659F3DEE9}"/>
              </a:ext>
            </a:extLst>
          </p:cNvPr>
          <p:cNvSpPr txBox="1"/>
          <p:nvPr/>
        </p:nvSpPr>
        <p:spPr>
          <a:xfrm>
            <a:off x="8734927" y="4764505"/>
            <a:ext cx="269206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>
                <a:solidFill>
                  <a:schemeClr val="bg1"/>
                </a:solidFill>
              </a:rPr>
              <a:t>7</a:t>
            </a:r>
          </a:p>
        </p:txBody>
      </p:sp>
    </p:spTree>
    <p:extLst>
      <p:ext uri="{BB962C8B-B14F-4D97-AF65-F5344CB8AC3E}">
        <p14:creationId xmlns:p14="http://schemas.microsoft.com/office/powerpoint/2010/main" val="1562685363"/>
      </p:ext>
    </p:extLst>
  </p:cSld>
  <p:clrMapOvr>
    <a:masterClrMapping/>
  </p:clrMapOvr>
  <p:transition spd="slow">
    <p:push dir="u"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0C2E3A"/>
            </a:gs>
            <a:gs pos="100000">
              <a:srgbClr val="110F16"/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Shape 3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7" name="Google Shape;357;p35"/>
          <p:cNvSpPr txBox="1">
            <a:spLocks noGrp="1"/>
          </p:cNvSpPr>
          <p:nvPr>
            <p:ph type="ctrTitle"/>
          </p:nvPr>
        </p:nvSpPr>
        <p:spPr>
          <a:xfrm flipH="1">
            <a:off x="1560166" y="1403696"/>
            <a:ext cx="2304600" cy="1241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/>
          <a:p>
            <a:pPr lvl="0">
              <a:buClr>
                <a:schemeClr val="dk1"/>
              </a:buClr>
            </a:pPr>
            <a:r>
              <a:rPr lang="en-US" sz="4400">
                <a:latin typeface="Squada One" panose="020B0604020202020204" charset="0"/>
              </a:rPr>
              <a:t>Breaking down the Project</a:t>
            </a:r>
            <a:endParaRPr sz="4400" b="0">
              <a:solidFill>
                <a:srgbClr val="FFFFFF"/>
              </a:solidFill>
              <a:latin typeface="Squada One" panose="020B0604020202020204" charset="0"/>
            </a:endParaRPr>
          </a:p>
        </p:txBody>
      </p:sp>
      <p:sp>
        <p:nvSpPr>
          <p:cNvPr id="358" name="Google Shape;358;p35"/>
          <p:cNvSpPr txBox="1">
            <a:spLocks noGrp="1"/>
          </p:cNvSpPr>
          <p:nvPr>
            <p:ph type="subTitle" idx="1"/>
          </p:nvPr>
        </p:nvSpPr>
        <p:spPr>
          <a:xfrm>
            <a:off x="4598725" y="275112"/>
            <a:ext cx="3628200" cy="4475018"/>
          </a:xfrm>
          <a:prstGeom prst="rect">
            <a:avLst/>
          </a:prstGeom>
        </p:spPr>
        <p:txBody>
          <a:bodyPr spcFirstLastPara="1" wrap="square" lIns="68575" tIns="34275" rIns="68575" bIns="34275" anchor="ctr" anchorCtr="0">
            <a:no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2800">
                <a:latin typeface="Squada One" panose="020B0604020202020204" charset="0"/>
              </a:rPr>
              <a:t>Planning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800">
                <a:latin typeface="Squada One" panose="020B0604020202020204" charset="0"/>
              </a:rPr>
              <a:t>Matrix Function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800">
                <a:latin typeface="Squada One" panose="020B0604020202020204" charset="0"/>
              </a:rPr>
              <a:t>Gradient Descent Algorithm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800">
                <a:latin typeface="Squada One" panose="020B0604020202020204" charset="0"/>
              </a:rPr>
              <a:t>Training The Model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800">
                <a:latin typeface="Squada One" panose="020B0604020202020204" charset="0"/>
              </a:rPr>
              <a:t>User Interfac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800">
                <a:latin typeface="Squada One" panose="020B0604020202020204" charset="0"/>
              </a:rPr>
              <a:t>Visualization through graph</a:t>
            </a: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Calibri"/>
              <a:buNone/>
            </a:pPr>
            <a:endParaRPr sz="2800">
              <a:solidFill>
                <a:srgbClr val="FFFFFF"/>
              </a:solidFill>
              <a:latin typeface="Squada One" panose="020B060402020202020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7023E6C2-70A2-43AB-83EE-50F567886FFD}"/>
              </a:ext>
            </a:extLst>
          </p:cNvPr>
          <p:cNvSpPr txBox="1"/>
          <p:nvPr/>
        </p:nvSpPr>
        <p:spPr>
          <a:xfrm>
            <a:off x="8734927" y="4764505"/>
            <a:ext cx="269206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>
                <a:solidFill>
                  <a:schemeClr val="bg1"/>
                </a:solidFill>
              </a:rPr>
              <a:t>8</a:t>
            </a:r>
          </a:p>
        </p:txBody>
      </p:sp>
    </p:spTree>
  </p:cSld>
  <p:clrMapOvr>
    <a:masterClrMapping/>
  </p:clrMapOvr>
  <p:transition spd="slow">
    <p:push dir="u"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4000">
                <a:latin typeface="Squada One" panose="020B0604020202020204" charset="0"/>
              </a:rPr>
              <a:t>Steps followed</a:t>
            </a:r>
            <a:r>
              <a:rPr lang="en-US">
                <a:latin typeface="Squada One" panose="020B0604020202020204" charset="0"/>
              </a:rPr>
              <a:t>:</a:t>
            </a:r>
          </a:p>
        </p:txBody>
      </p:sp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3878736995"/>
              </p:ext>
            </p:extLst>
          </p:nvPr>
        </p:nvGraphicFramePr>
        <p:xfrm>
          <a:off x="4670655" y="865909"/>
          <a:ext cx="4210109" cy="371301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0" name="TextBox 19">
            <a:extLst>
              <a:ext uri="{FF2B5EF4-FFF2-40B4-BE49-F238E27FC236}">
                <a16:creationId xmlns:a16="http://schemas.microsoft.com/office/drawing/2014/main" id="{B7D9AE5E-38F3-4F6B-9774-E26404DD755D}"/>
              </a:ext>
            </a:extLst>
          </p:cNvPr>
          <p:cNvSpPr txBox="1"/>
          <p:nvPr/>
        </p:nvSpPr>
        <p:spPr>
          <a:xfrm>
            <a:off x="8734927" y="4764505"/>
            <a:ext cx="269206" cy="307777"/>
          </a:xfrm>
          <a:prstGeom prst="rect">
            <a:avLst/>
          </a:prstGeom>
          <a:solidFill>
            <a:schemeClr val="bg1">
              <a:alpha val="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>
                <a:solidFill>
                  <a:schemeClr val="bg1"/>
                </a:solidFill>
              </a:rPr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1776896515"/>
      </p:ext>
    </p:extLst>
  </p:cSld>
  <p:clrMapOvr>
    <a:masterClrMapping/>
  </p:clrMapOvr>
  <p:transition spd="slow">
    <p:push dir="u"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yNS41N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TktMTAtMTVUMjM6NTk6MDAiLCJGb3JtYXQiOiJNTU0iLCJUeXBlIjoyLCJBdXRvRGF0ZVJhbmdlIjp0cnVlLCJXb3JraW5nRGF5cyI6MzEsIlRvZGF5TWFya2VyVGV4dCI6IlRvZGF5IiwiQXV0b1NjYWxlVHlwZSI6dHJ1ZX0sIk1pbGVzdG9uZXMiOltdLCJUYXNrcyI6W3siJGlkIjoiMTYzIiwiR3JvdXBOYW1lIjpudWxsLCJTdGFydERhdGUiOiIyMDE5LTA3LTE2VDAwOjAwOjAwWiIsIkVuZERhdGUiOiIyMDE5LTA3LTI0VDIzOjU5OjAwWi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NTIsIkciOjY3LCJCIjo5NH19LCJJc1Zpc2libGUiOnRydWUsIldpZHRoIjowLjAsIkhlaWdodCI6MTYuMCwiQm9yZGVyU3R5bGUiOnsiJGlkIjoiMTgzIiwiTGluZUNvbG9yIjp7IiRyZWYiOiIxMDki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GlkIjoiMTg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GlkIjoiMT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UiLCJUb3AiOjAsIkxlZnQiOjAsIlJpZ2h0IjowLCJCb3R0b20iOjB9LCJQYWRkaW5nIjp7IiRpZCI6IjE5NiIsIlRvcCI6MCwiTGVmdCI6MCwiUmlnaHQiOjAsIkJvdHRvbSI6MH0sIkJhY2tncm91bmQiOnsiJHJlZiI6IjEyNCJ9LCJJc1Zpc2libGUiOnRydWUsIldpZHRoIjowLjAsIkhlaWdodCI6MC4wLCJCb3JkZXJTdHlsZSI6eyIkaWQiOiIxOTciLCJMaW5lQ29sb3IiOm51bGwsIkxpbmVXZWlnaHQiOjAuMCwiTGluZVR5cGUiOjAsIlBhcmVudFN0eWxlIjpudWxsfSwiUGFyZW50U3R5bGUiOm51bGx9LCJEYXRlRm9ybWF0Ijp7IiRpZCI6IjE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5NiJ9LCJJc1Zpc2libGUiOnRydWUsIldpZHRoIjowLjAsIkhlaWdodCI6MC4wLCJCb3JkZXJTdHlsZSI6eyIkaWQiOiIyMTIiLCJMaW5lQ29sb3IiOm51bGwsIkxpbmVXZWlnaHQiOjAuMCwiTGluZVR5cGUiOjAsIlBhcmVudFN0eWxlIjpudWxsfSwiUGFyZW50U3R5bGUiOm51bGx9LCJIb3Jpem9udGFsQ29ubmVjdG9yU3R5bGUiOnsiJGlkIjoiMjEzIiwiTGluZUNvbG9yIjp7IiRyZWYiOiI5OCJ9LCJMaW5lV2VpZ2h0IjoxLjAsIkxpbmVUeXBlIjowLCJQYXJlbnRTdHlsZSI6bnVsbH0sIlZlcnRpY2FsQ29ubmVjdG9yU3R5bGUiOnsiJGlkIjoiMjE0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MiIsIlRvcCI6MCwiTGVmdCI6MCwiUmlnaHQiOjAsIkJvdHRvbSI6MH0sIlBhZGRpbmciOnsiJGlkIjoiMjMzIiwiVG9wIjowLCJMZWZ0IjowLCJSaWdodCI6MCwiQm90dG9tIjowfSwiQmFja2dyb3VuZCI6eyIkcmVmIjoiMTI0In0sIklzVmlzaWJsZSI6dHJ1ZSwiV2lkdGgiOjAuMCwiSGVpZ2h0IjowLjAsIkJvcmRlclN0eWxlIjp7IiRpZCI6IjIzNCIsIkxpbmVDb2xvciI6bnVsbCwiTGluZVdlaWdodCI6MC4wLCJMaW5lVHlwZSI6MCwiUGFyZW50U3R5bGUiOm51bGx9LCJQYXJlbnRTdHlsZSI6bnVsbH0sIkRhdGVGb3JtYXQiOnsiJGlkIjoiMj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OSIsIlRvcCI6MCwiTGVmdCI6MCwiUmlnaHQiOjAsIkJvdHRvbSI6MH0sIlBhZGRpbmciOnsiJGlkIjoiMjcwIiwiVG9wIjowLCJMZWZ0IjowLCJSaWdodCI6MCwiQm90dG9tIjowfSwiQmFja2dyb3VuZCI6eyIkcmVmIjoiMTI0In0sIklzVmlzaWJsZSI6dHJ1ZSwiV2lkdGgiOjAuMCwiSGVpZ2h0IjowLjAsIkJvcmRlclN0eWxlIjp7IiRpZCI6IjI3MSIsIkxpbmVDb2xvciI6bnVsbCwiTGluZVdlaWdodCI6MC4wLCJMaW5lVHlwZSI6MCwiUGFyZW50U3R5bGUiOm51bGx9LCJQYXJlbnRTdHlsZSI6bnVsbH0sIkRhdGVGb3JtYXQiOnsiJGlkIjoiMj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NzIifSwiSWQiOiJlNmQ4ZjNkMS0wMGFiLTQwODgtODJhMS1kMWMyOGQ4YzcxZmUiLCJJbXBvcnRJZCI6bnVsbCwiVGl0bGUiOiJHcmFkaWVudC1kZXNjZW5kLWFsZ29yaXRobSIsIk5vdGUiOm51bGwsIkh5cGVybGluayI6eyIkaWQiOiIyNzMiLCJBZGRyZXNzIjoiIiwiU3ViQWRkcmVzcyI6IiJ9LCJJc0NoYW5nZWQiOmZhbHNlLCJJc05ldyI6ZmFsc2V9LHsiJGlkIjoiMjc0IiwiR3JvdXBOYW1lIjpudWxsLCJTdGFydERhdGUiOiIyMDE5LTA5LTAxVDAwOjAwOjAwWiIsIkVuZERhdGUiOiIyMDE5LTA5LTA4VDIzOjU5OjAwWiIsIlBlcmNlbnRhZ2VDb21wbGV0ZSI6bnVsbCwiU3R5bGUiOnsiJGlkIjoiMjc1IiwiU2hhcGUiOjA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E3In0sIklzVmlzaWJsZSI6dHJ1ZSwiV2lkdGgiOjAuMCwiSGVpZ2h0IjowLjAsIkJvcmRlclN0eWxlIjp7IiRpZCI6IjMwMSIsIkxpbmVDb2xvciI6bnVsbCwiTGluZVdlaWdodCI6MC4wLCJMaW5lVHlwZSI6MCwiUGFyZW50U3R5bGUiOm51bGx9LCJQYXJlbnRTdHlsZSI6bnVsbH0sIkRhdGV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YiLCJUb3AiOjAsIkxlZnQiOjAsIlJpZ2h0IjowLCJCb3R0b20iOjB9LCJQYWRkaW5nIjp7IiRpZCI6IjMwNyIsIlRvcCI6MCwiTGVmdCI6MCwiUmlnaHQiOjAsIkJvdHRvbSI6MH0sIkJhY2tncm91bmQiOnsiJHJlZiI6IjEyNCJ9LCJJc1Zpc2libGUiOnRydWUsIldpZHRoIjowLjAsIkhlaWdodCI6MC4wLCJCb3JkZXJTdHlsZSI6eyIkaWQiOiIzMDgiLCJMaW5lQ29sb3IiOm51bGwsIkxpbmVXZWlnaHQiOjAuMCwiTGluZVR5cGUiOjAsIlBhcmVudFN0eWxlIjpudWxsfSwiUGFyZW50U3R5bGUiOm51bGx9LCJEYXRlRm9ybWF0Ijp7IiRpZCI6IjM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k2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k4In0sIkxpbmVXZWlnaHQiOjEuMCwiTGluZVR5cGUiOjAsIlBhcmVudFN0eWxlIjpudWxsfSwiVmVydGljYWxDb25uZWN0b3JTdHlsZSI6eyIkaWQiOiIzMj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YiLCJUb3AiOjAsIkxlZnQiOjAsIlJpZ2h0IjowLCJCb3R0b20iOjB9LCJQYWRkaW5nIjp7IiRpZCI6IjMzNyIsIlRvcCI6MCwiTGVmdCI6MCwiUmlnaHQiOjAsIkJvdHRvbSI6MH0sIkJhY2tncm91bmQiOnsiJHJlZiI6IjExNyJ9LCJJc1Zpc2libGUiOnRydWUsIldpZHRoIjowLjAsIkhlaWdodCI6MC4wLCJCb3JkZXJTdHlsZSI6eyIkaWQiOiIzMzgiLCJMaW5lQ29sb3IiOm51bGwsIkxpbmVXZWlnaHQiOjAuMCwiTGluZVR5cGUiOjAsIlBhcmVudFN0eWxlIjpudWxsfSwiUGFyZW50U3R5bGUiOm51bGx9LCJEY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zIiwiVG9wIjowLCJMZWZ0IjowLCJSaWdodCI6MCwiQm90dG9tIjowfSwiUGFkZGluZyI6eyIkaWQiOiIzNDQiLCJUb3AiOjAsIkxlZnQiOjAsIlJpZ2h0IjowLCJCb3R0b20iOjB9LCJCYWNrZ3JvdW5kIjp7IiRyZWYiOiIxMjQifSwiSXNWaXNpYmxlIjp0cnVlLCJXaWR0aCI6MC4wLCJIZWlnaHQiOjAuMCwiQm9yZGVyU3R5bGUiOnsiJGlkIjoiMzQ1IiwiTGluZUNvbG9yIjpudWxsLCJMaW5lV2VpZ2h0IjowLjAsIkxpbmVUeXBlIjowLCJQYXJlbnRTdHlsZSI6bnVsbH0sIlBhcmVudFN0eWxlIjpudWxsfSwiRGF0ZUZvcm1hdCI6eyIkaWQiOiIz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AiLCJUb3AiOjAsIkxlZnQiOjAsIlJpZ2h0IjowLCJCb3R0b20iOjB9LCJQYWRkaW5nIjp7IiRpZCI6IjM4MSIsIlRvcCI6MCwiTGVmdCI6MCwiUmlnaHQiOjAsIkJvdHRvbSI6MH0sIkJhY2tncm91bmQiOnsiJHJlZiI6IjEyNCJ9LCJJc1Zpc2libGUiOnRydWUsIldpZHRoIjowLjAsIkhlaWdodCI6MC4wLCJCb3JkZXJTdHlsZSI6eyIkaWQiOiIzODIiLCJMaW5lQ29sb3IiOm51bGwsIkxpbmVXZWlnaHQiOjAuMCwiTGluZVR5cGUiOjAsIlBhcmVudFN0eWxlIjpudWxsfS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xNyIsIlRvcCI6MCwiTGVmdCI6MCwiUmlnaHQiOjAsIkJvdHRvbSI6MH0sIlBhZGRpbmciOnsiJGlkIjoiNDE4IiwiVG9wIjowLCJMZWZ0IjowLCJSaWdodCI6MCwiQm90dG9tIjowfSwiQmFja2dyb3VuZCI6eyIkcmVmIjoiMTI0In0sIklzVmlzaWJsZSI6dHJ1ZSwiV2lkdGgiOjAuMCwiSGVpZ2h0IjowLjAsIkJvcmRlclN0eWxlIjp7IiRpZCI6IjQxOSIsIkxpbmVDb2xvciI6bnVsbCwiTGluZVdlaWdodCI6MC4wLCJMaW5lVHlwZSI6MCwiUGFyZW50U3R5bGUiOm51bGx9LCJQYXJlbnRTdHlsZSI6bnVsbH0sIkRhdGVGb3JtYXQiOnsiJGlkIjoiND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yNi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yMS41MDAwMD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xOS0xMC0xM1QyMzo1OTowMCIsIkZvcm1hdCI6Ik1NTSIsIlR5cGUiOjIsIkF1dG9EYXRlUmFuZ2UiOnRydWUsIldvcmtpbmdEYXlzIjozMSwiVG9kYXlNYXJrZXJUZXh0IjoiVG9kYXkiLCJBdXRvU2NhbGVUeXBlIjp0cnVlfSwiTWlsZXN0b25lcyI6W10sIlRhc2tzIjpbeyIkaWQiOiIxNjMiLCJHcm91cE5hbWUiOm51bGwsIlN0YXJ0RGF0ZSI6IjIwMTktMDctMTZUMDA6MDA6MDBaIiwiRW5kRGF0ZSI6IjIwMTktMDctMjNUMjM6NTk6MDBaIiwiUGVyY2VudGFnZUNvbXBsZXRlIjoxMDAuM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NTIsIkciOjY3LCJCIjo5NH19LCJJc1Zpc2libGUiOnRydWUsIldpZHRoIjowLjAsIkhlaWdodCI6MTYuMCwiQm9yZGVyU3R5bGUiOnsiJGlkIjoiMTgzIiwiTGluZUNvbG9yIjp7IiRyZWYiOiIxMDki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GlkIjoiMTg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GlkIjoiMT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UiLCJUb3AiOjAsIkxlZnQiOjAsIlJpZ2h0IjowLCJCb3R0b20iOjB9LCJQYWRkaW5nIjp7IiRpZCI6IjE5NiIsIlRvcCI6MCwiTGVmdCI6MCwiUmlnaHQiOjAsIkJvdHRvbSI6MH0sIkJhY2tncm91bmQiOnsiJHJlZiI6IjEyNCJ9LCJJc1Zpc2libGUiOnRydWUsIldpZHRoIjowLjAsIkhlaWdodCI6MC4wLCJCb3JkZXJTdHlsZSI6eyIkaWQiOiIxOTciLCJMaW5lQ29sb3IiOm51bGwsIkxpbmVXZWlnaHQiOjAuMCwiTGluZVR5cGUiOjAsIlBhcmVudFN0eWxlIjpudWxsfSwiUGFyZW50U3R5bGUiOm51bGx9LCJEYXRlRm9ybWF0Ijp7IiRpZCI6IjE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yNSIsIlRvcCI6MCwiTGVmdCI6MCwiUmlnaHQiOjAsIkJvdHRvbSI6MH0sIlBhZGRpbmciOnsiJGlkIjoiMjI2IiwiVG9wIjowLCJMZWZ0IjowLCJSaWdodCI6MCwiQm90dG9tIjowfSwiQmFja2dyb3VuZCI6eyIkcmVmIjoiMTE3In0sIklzVmlzaWJsZSI6dHJ1ZSwiV2lkdGgiOjAuMCwiSGVpZ2h0IjowLjAsIkJvcmRlclN0eWxlIjp7IiRpZCI6IjIyNyIsIkxpbmVDb2xvciI6bnVsbCwiTGluZVdlaWdodCI6MC4wLCJMaW5lVHlwZSI6MCwiUGFyZW50U3R5bGUiOm51bGx9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IiLCJUb3AiOjAsIkxlZnQiOjAsIlJpZ2h0IjowLCJCb3R0b20iOjB9LCJQYWRkaW5nIjp7IiRpZCI6IjIzMyIsIlRvcCI6MCwiTGVmdCI6MCwiUmlnaHQiOjAsIkJvdHRvbSI6MH0sIkJhY2tncm91bmQiOnsiJHJlZiI6IjEyNCJ9LCJJc1Zpc2libGUiOnRydWUsIldpZHRoIjowLjAsIkhlaWdodCI6MC4wLCJCb3JkZXJTdHlsZSI6eyIkaWQiOiIyMzQiLCJMaW5lQ29sb3IiOm51bGwsIkxpbmVXZWlnaHQiOjAuMCwiTGluZVR5cGUiOjAsIlBhcmVudFN0eWxlIjpudWxsfSwiUGFyZW50U3R5bGUiOm51bGx9LCJEYXRlRm9ybWF0Ijp7IiRpZCI6IjI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5IiwiVG9wIjowLCJMZWZ0IjowLCJSaWdodCI6MCwiQm90dG9tIjowfSwiUGFkZGluZyI6eyIkaWQiOiIyNzAiLCJUb3AiOjAsIkxlZnQiOjAsIlJpZ2h0IjowLCJCb3R0b20iOjB9LCJCYWNrZ3JvdW5kIjp7IiRyZWYiOiIxMjQifSwiSXNWaXNpYmxlIjp0cnVlLCJXaWR0aCI6MC4wLCJIZWlnaHQiOjAuMCwiQm9yZGVyU3R5bGUiOnsiJGlkIjoiMjcxIiwiTGluZUNvbG9yIjpudWxsLCJMaW5lV2VpZ2h0IjowLjAsIkxpbmVUeXBlIjowLCJQYXJlbnRTdHlsZSI6bnVsbH0sIlBhcmVudFN0eWxlIjpudWxsfSwiRGF0ZUZvcm1hdCI6eyIkaWQiOiIy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3MiJ9LCJJZCI6IjQ1ZTM4MzI4LTdiMDgtNDE2Ny05N2NjLTU5YTJmNTBiZjIzNSIsIkltcG9ydElkIjpudWxsLCJUaXRsZSI6IkdyYWRpZW50LURlc2NlbmQtQWxnb3JpdGhtIiwiTm90ZSI6bnVsbCwiSHlwZXJsaW5rIjp7IiRpZCI6IjI3MyIsIkFkZHJlc3MiOiIiLCJTdWJBZGRyZXNzIjoiIn0sIklzQ2hhbmdlZCI6ZmFsc2UsIklzTmV3IjpmYWxzZX0seyIkaWQiOiIyNzQiLCJHcm91cE5hbWUiOm51bGwsIlN0YXJ0RGF0ZSI6IjIwMTktMDktMDhUMDA6MDA6MDBaIiwiRW5kRGF0ZSI6IjIwMTktMDktMjNUMjM6NTk6MDBaIiwiUGVyY2VudGFnZUNvbXBsZXRlIjoxMDAuMCwiU3R5bGUiOnsiJGlkIjoiMjc1IiwiU2hhcGUiOjA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E3In0sIklzVmlzaWJsZSI6dHJ1ZSwiV2lkdGgiOjAuMCwiSGVpZ2h0IjowLjAsIkJvcmRlclN0eWxlIjp7IiRpZCI6IjMwMSIsIkxpbmVDb2xvciI6bnVsbCwiTGluZVdlaWdodCI6MC4wLCJMaW5lVHlwZSI6MCwiUGFyZW50U3R5bGUiOm51bGx9LCJQYXJlbnRTdHlsZSI6bnVsbH0sIkRhdGV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YiLCJUb3AiOjAsIkxlZnQiOjAsIlJpZ2h0IjowLCJCb3R0b20iOjB9LCJQYWRkaW5nIjp7IiRpZCI6IjMwNyIsIlRvcCI6MCwiTGVmdCI6MCwiUmlnaHQiOjAsIkJvdHRvbSI6MH0sIkJhY2tncm91bmQiOnsiJHJlZiI6IjEyNCJ9LCJJc1Zpc2libGUiOnRydWUsIldpZHRoIjowLjAsIkhlaWdodCI6MC4wLCJCb3JkZXJTdHlsZSI6eyIkaWQiOiIzMDgiLCJMaW5lQ29sb3IiOm51bGwsIkxpbmVXZWlnaHQiOjAuMCwiTGluZVR5cGUiOjAsIlBhcmVudFN0eWxlIjpudWxsfSwiUGFyZW50U3R5bGUiOm51bGx9LCJEYXRlRm9ybWF0Ijp7IiRpZCI6IjM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0MyIsIlRvcCI6MCwiTGVmdCI6MCwiUmlnaHQiOjAsIkJvdHRvbSI6MH0sIlBhZGRpbmciOnsiJGlkIjoiMzQ0IiwiVG9wIjowLCJMZWZ0IjowLCJSaWdodCI6MCwiQm90dG9tIjowfSwiQmFja2dyb3VuZCI6eyIkcmVmIjoiMTI0In0sIklzVmlzaWJsZSI6dHJ1ZSwiV2lkdGgiOjAuMCwiSGVpZ2h0IjowLjAsIkJvcmRlclN0eWxlIjp7IiRpZCI6IjM0NSIsIkxpbmVDb2xvciI6bnVsbCwiTGluZVdlaWdodCI6MC4wLCJMaW5lVHlwZSI6MCwiUGFyZW50U3R5bGUiOm51bGx9LCJQYXJlbnRTdHlsZSI6bnVsbH0sIkRhdGVGb3JtYXQiOnsiJGlkIjoi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zNDYifSwiSWQiOiI3M2Y4YzA4My04NTExLTQ5MGUtYjk5ZS05MjM2M2Q0MDM5YmEiLCJJbXBvcnRJZCI6bnVsbCwiVGl0bGUiOiJHcmFwaCBSZXByZXNlbnRhdGlvbiIsIk5vdGUiOm51bGwsIkh5cGVybGluayI6eyIkaWQiOiIzNDciLCJBZGRyZXNzIjoiIiwiU3ViQWRkcmVzcyI6IiJ9LCJJc0NoYW5nZWQiOmZhbHNlLCJJc05ldyI6ZmFsc2V9LHsiJGlkIjoiMzQ4IiwiR3JvdXBOYW1lIjpudWxsLCJTdGFydERhdGUiOiIyMDE5LTEwLTA1VDAwOjAwOjAwWiIsIkVuZERhdGUiOiIyMDE5LTEwLTEzVDIzOjU5OjAwWiIsIlBlcmNlbnRhZ2VDb21wbGV0ZSI6MTAwLjAsIlN0eWxlIjp7IiRpZCI6IjM0OSIsIlNoYXBlIjowLCJTaGFwZVRoaWNrbmVzcyI6MS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YzIiwiTWFyZ2luIjp7IiRpZCI6IjM2NCIsIlRvcCI6MCwiTGVmdCI6NCwiUmlnaHQiOjQsIkJvdHRvbSI6MH0sIlBhZGRpbmciOnsiJGlkIjoiMzY1IiwiVG9wIjowLCJMZWZ0IjowLCJSaWdodCI6MCwiQm90dG9tIjowfSwiQmFja2dyb3VuZCI6eyIkaWQiOiIzNjYiLCJDb2xvciI6eyIkaWQiOiIzNjciLCJBIjoyNTUsIlIiOjUyLCJHIjo2NywiQiI6OTR9fSwiSXNWaXNpYmxlIjp0cnVlLCJXaWR0aCI6MC4wLCJIZWlnaHQiOjE2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Q0OTE3NTg1LThiYjctNGY1Yy05OGYzLTFkNzllODU3YzM4OCIsIkltcG9ydElkIjpudWxsLCJUaXRsZSI6IlVzZXIgSW50ZXJmYWNlIiwiTm90ZSI6bnVsbCwiSHlwZXJsaW5rIjp7IiRpZCI6IjM4NCIsIkFkZHJlc3MiOiIiLCJTdWJBZGRyZXNzIjoiIn0sIklzQ2hhbmdlZCI6ZmFsc2UsIklzTmV3IjpmYWxzZX0seyIkaWQiOiIzODUiLCJHcm91cE5hbWUiOm51bGwsIlN0YXJ0RGF0ZSI6IjIwMTktMTAtMDRUMDA6MDA6MDAiLCJFbmREYXRlIjoiMjAxOS0xMC0wNFQyMzo1OTowMCIsIlBlcmNlbnRhZ2VDb21wbGV0ZSI6bnVsbCwiU3R5bGUiOnsiJGlkIjoiMzg2IiwiU2hhcGUiOjAsIlNoYXBlVGhpY2tuZXNzIjox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TYifSwiSXNWaXNpYmxlIjp0cnVlLCJXaWR0aCI6MC4wLCJIZWlnaHQiOjAuMCwiQm9yZGVyU3R5bGUiOnsiJGlkIjoiMzk3IiwiTGluZUNvbG9yIjpudWxsLCJMaW5lV2VpZ2h0IjowLjAsIkxpbmVUeXBlIjowLCJQYXJlbnRTdHlsZSI6bnVsbH0sIlBhcmVudFN0eWxlIjpudWxsfSwiSG9yaXpvbnRhbENvbm5lY3RvclN0eWxlIjp7IiRpZCI6IjM5OCIsIkxpbmVDb2xvciI6eyIkcmVmIjoiOTgifSwiTGluZVdlaWdodCI6MS4wLCJMaW5lVHlwZSI6MCwiUGFyZW50U3R5bGUiOm51bGx9LCJWZXJ0aWNhbENvbm5lY3RvclN0eWxlIjp7IiRpZCI6IjM5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jQiLCJVc2VUaW1lIjpmYWxzZSwiV29ya0RheVN0YXJ0IjoiMDA6MDA6MDAiLCJXb3JrRGF5RW5kIjoiMjM6NTk6MDAifSwiTGFzdFVzZWRUZW1wbGF0ZUlkIjoiNzM1NWI2MzMtYWM2Ni00NTI4LThiNGQtMjk5ZmFlZGM5ZWU5In0="/>
  <p:tag name="__MASTER" val="__part_0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legant waves by slidesgo">
  <a:themeElements>
    <a:clrScheme name="Personalizado 1">
      <a:dk1>
        <a:srgbClr val="00072D"/>
      </a:dk1>
      <a:lt1>
        <a:srgbClr val="FFFFFF"/>
      </a:lt1>
      <a:dk2>
        <a:srgbClr val="FFFFFF"/>
      </a:dk2>
      <a:lt2>
        <a:srgbClr val="FFFFFF"/>
      </a:lt2>
      <a:accent1>
        <a:srgbClr val="34435E"/>
      </a:accent1>
      <a:accent2>
        <a:srgbClr val="6369D1"/>
      </a:accent2>
      <a:accent3>
        <a:srgbClr val="0A2472"/>
      </a:accent3>
      <a:accent4>
        <a:srgbClr val="001C55"/>
      </a:accent4>
      <a:accent5>
        <a:srgbClr val="FFFFFF"/>
      </a:accent5>
      <a:accent6>
        <a:srgbClr val="FFFFFF"/>
      </a:accent6>
      <a:hlink>
        <a:srgbClr val="FFFFFF"/>
      </a:hlink>
      <a:folHlink>
        <a:srgbClr val="FFFFFF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Tema de Offic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Application>Microsoft Office PowerPoint</Application>
  <PresentationFormat>On-screen Show (16:9)</PresentationFormat>
  <Slides>17</Slides>
  <Notes>5</Notes>
  <HiddenSlides>0</HiddenSlide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18" baseType="lpstr">
      <vt:lpstr>Elegant waves by slidesgo</vt:lpstr>
      <vt:lpstr>Team members:</vt:lpstr>
      <vt:lpstr>HOUSING PRICE PREDICTOR</vt:lpstr>
      <vt:lpstr>CONTENTS</vt:lpstr>
      <vt:lpstr>What is the Housing Price Predictor?</vt:lpstr>
      <vt:lpstr>MOTIVATION AND OBJECTIVES</vt:lpstr>
      <vt:lpstr>Targeted Users</vt:lpstr>
      <vt:lpstr> Project Details</vt:lpstr>
      <vt:lpstr>Breaking down the Project</vt:lpstr>
      <vt:lpstr>Steps followed:</vt:lpstr>
      <vt:lpstr>Featur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FUTURE WORK</vt:lpstr>
      <vt:lpstr>THANK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OUSING PRICE PREDICTOR</dc:title>
  <dc:creator>Adrita</dc:creator>
  <cp:revision>159</cp:revision>
  <dcterms:modified xsi:type="dcterms:W3CDTF">2019-10-15T03:52:43Z</dcterms:modified>
</cp:coreProperties>
</file>